
<file path=[Content_Types].xml><?xml version="1.0" encoding="utf-8"?>
<Types xmlns="http://schemas.openxmlformats.org/package/2006/content-types">
  <Default Extension="png" ContentType="image/png"/>
  <Default Extension="svg" ContentType="image/svg+xml"/>
  <Default Extension="rels" ContentType="application/vnd.openxmlformats-package.relationships+xml"/>
  <Default Extension="xml" ContentType="application/xml"/>
  <Default Extension="fntdata" ContentType="application/x-fontdata"/>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heme/themeOverride1.xml" ContentType="application/vnd.openxmlformats-officedocument.themeOverride+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20"/>
  </p:sldMasterIdLst>
  <p:notesMasterIdLst>
    <p:notesMasterId r:id="rId35"/>
  </p:notesMasterIdLst>
  <p:handoutMasterIdLst>
    <p:handoutMasterId r:id="rId36"/>
  </p:handoutMasterIdLst>
  <p:sldIdLst>
    <p:sldId id="322" r:id="rId21"/>
    <p:sldId id="298" r:id="rId22"/>
    <p:sldId id="314" r:id="rId23"/>
    <p:sldId id="315" r:id="rId24"/>
    <p:sldId id="316" r:id="rId25"/>
    <p:sldId id="317" r:id="rId26"/>
    <p:sldId id="321" r:id="rId27"/>
    <p:sldId id="323" r:id="rId28"/>
    <p:sldId id="324" r:id="rId29"/>
    <p:sldId id="325" r:id="rId30"/>
    <p:sldId id="327" r:id="rId31"/>
    <p:sldId id="337" r:id="rId32"/>
    <p:sldId id="328" r:id="rId33"/>
    <p:sldId id="336" r:id="rId34"/>
  </p:sldIdLst>
  <p:sldSz cx="12192000" cy="6858000"/>
  <p:notesSz cx="7099300" cy="10234613"/>
  <p:embeddedFontLst>
    <p:embeddedFont>
      <p:font typeface="Aktiv Grotesk Homburger" panose="020B0604020202020204" charset="0"/>
      <p:regular r:id="rId37"/>
      <p:bold r:id="rId38"/>
      <p:italic r:id="rId39"/>
      <p:boldItalic r:id="rId40"/>
    </p:embeddedFont>
    <p:embeddedFont>
      <p:font typeface="Aldhabi" panose="01000000000000000000" pitchFamily="2" charset="-78"/>
      <p:regular r:id="rId41"/>
    </p:embeddedFont>
    <p:embeddedFont>
      <p:font typeface="Calibri" panose="020F0502020204030204" pitchFamily="34" charset="0"/>
      <p:regular r:id="rId42"/>
      <p:bold r:id="rId43"/>
      <p:italic r:id="rId44"/>
      <p:boldItalic r:id="rId45"/>
    </p:embeddedFont>
    <p:embeddedFont>
      <p:font typeface="Calibri Light" panose="020F0302020204030204" pitchFamily="34" charset="0"/>
      <p:regular r:id="rId46"/>
      <p:italic r:id="rId47"/>
    </p:embeddedFont>
    <p:embeddedFont>
      <p:font typeface="Gellix" pitchFamily="50" charset="0"/>
      <p:regular r:id="rId48"/>
      <p:bold r:id="rId49"/>
      <p:italic r:id="rId50"/>
      <p:boldItalic r:id="rId51"/>
    </p:embeddedFont>
  </p:embeddedFontLst>
  <p:custDataLst>
    <p:tags r:id="rId52"/>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Sybille Merz" initials="SM" lastIdx="1" clrIdx="0">
    <p:extLst>
      <p:ext uri="{19B8F6BF-5375-455C-9EA6-DF929625EA0E}">
        <p15:presenceInfo xmlns:p15="http://schemas.microsoft.com/office/powerpoint/2012/main" userId="a739e5dd7f0a4860" providerId="Windows Live"/>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8CE43C"/>
    <a:srgbClr val="6AC55B"/>
    <a:srgbClr val="859B86"/>
    <a:srgbClr val="2940ED"/>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E9639D4-E3E2-4D34-9284-5A2195B3D0D7}" styleName="Helle Formatvorlag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 styleId="{2D5ABB26-0587-4C30-8999-92F81FD0307C}" styleName="Keine Formatvorlage, kein Ras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08FB837D-C827-4EFA-A057-4D05807E0F7C}" styleName="Themed Style 1 - Accent 6">
    <a:tblBg>
      <a:fillRef idx="2">
        <a:schemeClr val="accent6"/>
      </a:fillRef>
      <a:effectRef idx="1">
        <a:schemeClr val="accent6"/>
      </a:effectRef>
    </a:tblBg>
    <a:wholeTbl>
      <a:tcTxStyle>
        <a:fontRef idx="minor">
          <a:scrgbClr r="0" g="0" b="0"/>
        </a:fontRef>
        <a:schemeClr val="dk1"/>
      </a:tcTxStyle>
      <a:tcStyle>
        <a:tcBdr>
          <a:left>
            <a:lnRef idx="1">
              <a:schemeClr val="accent6"/>
            </a:lnRef>
          </a:left>
          <a:right>
            <a:lnRef idx="1">
              <a:schemeClr val="accent6"/>
            </a:lnRef>
          </a:right>
          <a:top>
            <a:lnRef idx="1">
              <a:schemeClr val="accent6"/>
            </a:lnRef>
          </a:top>
          <a:bottom>
            <a:lnRef idx="1">
              <a:schemeClr val="accent6"/>
            </a:lnRef>
          </a:bottom>
          <a:insideH>
            <a:lnRef idx="1">
              <a:schemeClr val="accent6"/>
            </a:lnRef>
          </a:insideH>
          <a:insideV>
            <a:lnRef idx="1">
              <a:schemeClr val="accent6"/>
            </a:lnRef>
          </a:insideV>
        </a:tcBdr>
        <a:fill>
          <a:noFill/>
        </a:fill>
      </a:tcStyle>
    </a:wholeTbl>
    <a:band1H>
      <a:tcStyle>
        <a:tcBdr/>
        <a:fill>
          <a:solidFill>
            <a:schemeClr val="accent6">
              <a:alpha val="40000"/>
            </a:schemeClr>
          </a:solidFill>
        </a:fill>
      </a:tcStyle>
    </a:band1H>
    <a:band2H>
      <a:tcStyle>
        <a:tcBdr/>
      </a:tcStyle>
    </a:band2H>
    <a:band1V>
      <a:tcStyle>
        <a:tcBdr>
          <a:top>
            <a:lnRef idx="1">
              <a:schemeClr val="accent6"/>
            </a:lnRef>
          </a:top>
          <a:bottom>
            <a:lnRef idx="1">
              <a:schemeClr val="accent6"/>
            </a:lnRef>
          </a:bottom>
        </a:tcBdr>
        <a:fill>
          <a:solidFill>
            <a:schemeClr val="accent6">
              <a:alpha val="40000"/>
            </a:schemeClr>
          </a:solidFill>
        </a:fill>
      </a:tcStyle>
    </a:band1V>
    <a:band2V>
      <a:tcStyle>
        <a:tcBdr/>
      </a:tcStyle>
    </a:band2V>
    <a:lastCol>
      <a:tcTxStyle b="on"/>
      <a:tcStyle>
        <a:tcBdr>
          <a:left>
            <a:lnRef idx="2">
              <a:schemeClr val="accent6"/>
            </a:lnRef>
          </a:left>
          <a:right>
            <a:lnRef idx="1">
              <a:schemeClr val="accent6"/>
            </a:lnRef>
          </a:right>
          <a:top>
            <a:lnRef idx="1">
              <a:schemeClr val="accent6"/>
            </a:lnRef>
          </a:top>
          <a:bottom>
            <a:lnRef idx="1">
              <a:schemeClr val="accent6"/>
            </a:lnRef>
          </a:bottom>
          <a:insideH>
            <a:lnRef idx="1">
              <a:schemeClr val="accent6"/>
            </a:lnRef>
          </a:insideH>
          <a:insideV>
            <a:ln>
              <a:noFill/>
            </a:ln>
          </a:insideV>
        </a:tcBdr>
      </a:tcStyle>
    </a:lastCol>
    <a:firstCol>
      <a:tcTxStyle b="on"/>
      <a:tcStyle>
        <a:tcBdr>
          <a:left>
            <a:lnRef idx="1">
              <a:schemeClr val="accent6"/>
            </a:lnRef>
          </a:left>
          <a:right>
            <a:lnRef idx="2">
              <a:schemeClr val="accent6"/>
            </a:lnRef>
          </a:right>
          <a:top>
            <a:lnRef idx="1">
              <a:schemeClr val="accent6"/>
            </a:lnRef>
          </a:top>
          <a:bottom>
            <a:lnRef idx="1">
              <a:schemeClr val="accent6"/>
            </a:lnRef>
          </a:bottom>
          <a:insideH>
            <a:lnRef idx="1">
              <a:schemeClr val="accent6"/>
            </a:lnRef>
          </a:insideH>
          <a:insideV>
            <a:ln>
              <a:noFill/>
            </a:ln>
          </a:insideV>
        </a:tcBdr>
      </a:tcStyle>
    </a:firstCol>
    <a:lastRow>
      <a:tcTxStyle b="on"/>
      <a:tcStyle>
        <a:tcBdr>
          <a:left>
            <a:lnRef idx="1">
              <a:schemeClr val="accent6"/>
            </a:lnRef>
          </a:left>
          <a:right>
            <a:lnRef idx="1">
              <a:schemeClr val="accent6"/>
            </a:lnRef>
          </a:right>
          <a:top>
            <a:lnRef idx="2">
              <a:schemeClr val="accent6"/>
            </a:lnRef>
          </a:top>
          <a:bottom>
            <a:lnRef idx="2">
              <a:schemeClr val="accent6"/>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6"/>
            </a:lnRef>
          </a:left>
          <a:right>
            <a:lnRef idx="1">
              <a:schemeClr val="accent6"/>
            </a:lnRef>
          </a:right>
          <a:top>
            <a:lnRef idx="1">
              <a:schemeClr val="accent6"/>
            </a:lnRef>
          </a:top>
          <a:bottom>
            <a:lnRef idx="2">
              <a:schemeClr val="lt1"/>
            </a:lnRef>
          </a:bottom>
          <a:insideH>
            <a:ln>
              <a:noFill/>
            </a:ln>
          </a:insideH>
          <a:insideV>
            <a:ln>
              <a:noFill/>
            </a:ln>
          </a:insideV>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2601" autoAdjust="0"/>
    <p:restoredTop sz="94353" autoAdjust="0"/>
  </p:normalViewPr>
  <p:slideViewPr>
    <p:cSldViewPr showGuides="1">
      <p:cViewPr varScale="1">
        <p:scale>
          <a:sx n="114" d="100"/>
          <a:sy n="114" d="100"/>
        </p:scale>
        <p:origin x="612" y="114"/>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notesViewPr>
    <p:cSldViewPr>
      <p:cViewPr varScale="1">
        <p:scale>
          <a:sx n="78" d="100"/>
          <a:sy n="78" d="100"/>
        </p:scale>
        <p:origin x="3984" y="102"/>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6.xml"/><Relationship Id="rId39" Type="http://schemas.openxmlformats.org/officeDocument/2006/relationships/font" Target="fonts/font3.fntdata"/><Relationship Id="rId21" Type="http://schemas.openxmlformats.org/officeDocument/2006/relationships/slide" Target="slides/slide1.xml"/><Relationship Id="rId34" Type="http://schemas.openxmlformats.org/officeDocument/2006/relationships/slide" Target="slides/slide14.xml"/><Relationship Id="rId42" Type="http://schemas.openxmlformats.org/officeDocument/2006/relationships/font" Target="fonts/font6.fntdata"/><Relationship Id="rId47" Type="http://schemas.openxmlformats.org/officeDocument/2006/relationships/font" Target="fonts/font11.fntdata"/><Relationship Id="rId50" Type="http://schemas.openxmlformats.org/officeDocument/2006/relationships/font" Target="fonts/font14.fntdata"/><Relationship Id="rId55"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9.xml"/><Relationship Id="rId11" Type="http://schemas.openxmlformats.org/officeDocument/2006/relationships/customXml" Target="../customXml/item11.xml"/><Relationship Id="rId24" Type="http://schemas.openxmlformats.org/officeDocument/2006/relationships/slide" Target="slides/slide4.xml"/><Relationship Id="rId32" Type="http://schemas.openxmlformats.org/officeDocument/2006/relationships/slide" Target="slides/slide12.xml"/><Relationship Id="rId37" Type="http://schemas.openxmlformats.org/officeDocument/2006/relationships/font" Target="fonts/font1.fntdata"/><Relationship Id="rId40" Type="http://schemas.openxmlformats.org/officeDocument/2006/relationships/font" Target="fonts/font4.fntdata"/><Relationship Id="rId45" Type="http://schemas.openxmlformats.org/officeDocument/2006/relationships/font" Target="fonts/font9.fntdata"/><Relationship Id="rId53" Type="http://schemas.openxmlformats.org/officeDocument/2006/relationships/commentAuthors" Target="commentAuthors.xml"/><Relationship Id="rId5" Type="http://schemas.openxmlformats.org/officeDocument/2006/relationships/customXml" Target="../customXml/item5.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2.xml"/><Relationship Id="rId27" Type="http://schemas.openxmlformats.org/officeDocument/2006/relationships/slide" Target="slides/slide7.xml"/><Relationship Id="rId30" Type="http://schemas.openxmlformats.org/officeDocument/2006/relationships/slide" Target="slides/slide10.xml"/><Relationship Id="rId35" Type="http://schemas.openxmlformats.org/officeDocument/2006/relationships/notesMaster" Target="notesMasters/notesMaster1.xml"/><Relationship Id="rId43" Type="http://schemas.openxmlformats.org/officeDocument/2006/relationships/font" Target="fonts/font7.fntdata"/><Relationship Id="rId48" Type="http://schemas.openxmlformats.org/officeDocument/2006/relationships/font" Target="fonts/font12.fntdata"/><Relationship Id="rId5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font" Target="fonts/font15.fntdata"/><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5.xml"/><Relationship Id="rId33" Type="http://schemas.openxmlformats.org/officeDocument/2006/relationships/slide" Target="slides/slide13.xml"/><Relationship Id="rId38" Type="http://schemas.openxmlformats.org/officeDocument/2006/relationships/font" Target="fonts/font2.fntdata"/><Relationship Id="rId46" Type="http://schemas.openxmlformats.org/officeDocument/2006/relationships/font" Target="fonts/font10.fntdata"/><Relationship Id="rId20" Type="http://schemas.openxmlformats.org/officeDocument/2006/relationships/slideMaster" Target="slideMasters/slideMaster1.xml"/><Relationship Id="rId41" Type="http://schemas.openxmlformats.org/officeDocument/2006/relationships/font" Target="fonts/font5.fntdata"/><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3.xml"/><Relationship Id="rId28" Type="http://schemas.openxmlformats.org/officeDocument/2006/relationships/slide" Target="slides/slide8.xml"/><Relationship Id="rId36" Type="http://schemas.openxmlformats.org/officeDocument/2006/relationships/handoutMaster" Target="handoutMasters/handoutMaster1.xml"/><Relationship Id="rId49" Type="http://schemas.openxmlformats.org/officeDocument/2006/relationships/font" Target="fonts/font13.fntdata"/><Relationship Id="rId57"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slide" Target="slides/slide11.xml"/><Relationship Id="rId44" Type="http://schemas.openxmlformats.org/officeDocument/2006/relationships/font" Target="fonts/font8.fntdata"/><Relationship Id="rId52"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Espace réservé de l'en-tête 1">
            <a:extLst>
              <a:ext uri="{FF2B5EF4-FFF2-40B4-BE49-F238E27FC236}">
                <a16:creationId xmlns:a16="http://schemas.microsoft.com/office/drawing/2014/main" id="{44A94165-5034-4176-800A-937955F2EC1A}"/>
              </a:ext>
            </a:extLst>
          </p:cNvPr>
          <p:cNvSpPr>
            <a:spLocks noGrp="1"/>
          </p:cNvSpPr>
          <p:nvPr>
            <p:ph type="hdr" sz="quarter"/>
          </p:nvPr>
        </p:nvSpPr>
        <p:spPr>
          <a:xfrm>
            <a:off x="0" y="0"/>
            <a:ext cx="3077137" cy="512304"/>
          </a:xfrm>
          <a:prstGeom prst="rect">
            <a:avLst/>
          </a:prstGeom>
        </p:spPr>
        <p:txBody>
          <a:bodyPr vert="horz" lIns="94768" tIns="47384" rIns="94768" bIns="47384" rtlCol="0"/>
          <a:lstStyle>
            <a:lvl1pPr algn="l">
              <a:defRPr sz="1200"/>
            </a:lvl1pPr>
          </a:lstStyle>
          <a:p>
            <a:endParaRPr lang="fr-CH"/>
          </a:p>
        </p:txBody>
      </p:sp>
      <p:sp>
        <p:nvSpPr>
          <p:cNvPr id="3" name="Espace réservé de la date 2">
            <a:extLst>
              <a:ext uri="{FF2B5EF4-FFF2-40B4-BE49-F238E27FC236}">
                <a16:creationId xmlns:a16="http://schemas.microsoft.com/office/drawing/2014/main" id="{92FB77F7-4C26-4CB6-BF89-70315E34A114}"/>
              </a:ext>
            </a:extLst>
          </p:cNvPr>
          <p:cNvSpPr>
            <a:spLocks noGrp="1"/>
          </p:cNvSpPr>
          <p:nvPr>
            <p:ph type="dt" sz="quarter" idx="1"/>
          </p:nvPr>
        </p:nvSpPr>
        <p:spPr>
          <a:xfrm>
            <a:off x="4020506" y="0"/>
            <a:ext cx="3077137" cy="512304"/>
          </a:xfrm>
          <a:prstGeom prst="rect">
            <a:avLst/>
          </a:prstGeom>
        </p:spPr>
        <p:txBody>
          <a:bodyPr vert="horz" lIns="94768" tIns="47384" rIns="94768" bIns="47384" rtlCol="0"/>
          <a:lstStyle>
            <a:lvl1pPr algn="r">
              <a:defRPr sz="1200"/>
            </a:lvl1pPr>
          </a:lstStyle>
          <a:p>
            <a:fld id="{35B4F51B-51A4-45FD-A1BD-0F6E1B7BD667}" type="datetimeFigureOut">
              <a:rPr lang="fr-CH" smtClean="0"/>
              <a:t>13.11.2023</a:t>
            </a:fld>
            <a:endParaRPr lang="fr-CH"/>
          </a:p>
        </p:txBody>
      </p:sp>
      <p:sp>
        <p:nvSpPr>
          <p:cNvPr id="4" name="Espace réservé du pied de page 3">
            <a:extLst>
              <a:ext uri="{FF2B5EF4-FFF2-40B4-BE49-F238E27FC236}">
                <a16:creationId xmlns:a16="http://schemas.microsoft.com/office/drawing/2014/main" id="{898C0F4B-4427-497E-B6D6-71E13847299D}"/>
              </a:ext>
            </a:extLst>
          </p:cNvPr>
          <p:cNvSpPr>
            <a:spLocks noGrp="1"/>
          </p:cNvSpPr>
          <p:nvPr>
            <p:ph type="ftr" sz="quarter" idx="2"/>
          </p:nvPr>
        </p:nvSpPr>
        <p:spPr>
          <a:xfrm>
            <a:off x="0" y="9722309"/>
            <a:ext cx="3077137" cy="512304"/>
          </a:xfrm>
          <a:prstGeom prst="rect">
            <a:avLst/>
          </a:prstGeom>
        </p:spPr>
        <p:txBody>
          <a:bodyPr vert="horz" lIns="94768" tIns="47384" rIns="94768" bIns="47384" rtlCol="0" anchor="b"/>
          <a:lstStyle>
            <a:lvl1pPr algn="l">
              <a:defRPr sz="1200"/>
            </a:lvl1pPr>
          </a:lstStyle>
          <a:p>
            <a:endParaRPr lang="fr-CH" dirty="0"/>
          </a:p>
        </p:txBody>
      </p:sp>
      <p:sp>
        <p:nvSpPr>
          <p:cNvPr id="5" name="Espace réservé du numéro de diapositive 4">
            <a:extLst>
              <a:ext uri="{FF2B5EF4-FFF2-40B4-BE49-F238E27FC236}">
                <a16:creationId xmlns:a16="http://schemas.microsoft.com/office/drawing/2014/main" id="{62486D2F-7742-4BAA-8137-A49658A42870}"/>
              </a:ext>
            </a:extLst>
          </p:cNvPr>
          <p:cNvSpPr>
            <a:spLocks noGrp="1"/>
          </p:cNvSpPr>
          <p:nvPr>
            <p:ph type="sldNum" sz="quarter" idx="3"/>
          </p:nvPr>
        </p:nvSpPr>
        <p:spPr>
          <a:xfrm>
            <a:off x="4020506" y="9722309"/>
            <a:ext cx="3077137" cy="512304"/>
          </a:xfrm>
          <a:prstGeom prst="rect">
            <a:avLst/>
          </a:prstGeom>
        </p:spPr>
        <p:txBody>
          <a:bodyPr vert="horz" lIns="94768" tIns="47384" rIns="94768" bIns="47384" rtlCol="0" anchor="b"/>
          <a:lstStyle>
            <a:lvl1pPr algn="r">
              <a:defRPr sz="1200"/>
            </a:lvl1pPr>
          </a:lstStyle>
          <a:p>
            <a:fld id="{CDF536B6-877F-45BD-B3B9-AF3212B3D5A7}" type="slidenum">
              <a:rPr lang="fr-CH" smtClean="0"/>
              <a:t>‹N°›</a:t>
            </a:fld>
            <a:endParaRPr lang="fr-CH"/>
          </a:p>
        </p:txBody>
      </p:sp>
    </p:spTree>
    <p:extLst>
      <p:ext uri="{BB962C8B-B14F-4D97-AF65-F5344CB8AC3E}">
        <p14:creationId xmlns:p14="http://schemas.microsoft.com/office/powerpoint/2010/main" val="4220907"/>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0"/>
            <a:ext cx="3076363" cy="513508"/>
          </a:xfrm>
          <a:prstGeom prst="rect">
            <a:avLst/>
          </a:prstGeom>
        </p:spPr>
        <p:txBody>
          <a:bodyPr vert="horz" lIns="94768" tIns="47384" rIns="94768" bIns="47384" rtlCol="0"/>
          <a:lstStyle>
            <a:lvl1pPr algn="l">
              <a:defRPr sz="1200"/>
            </a:lvl1pPr>
          </a:lstStyle>
          <a:p>
            <a:endParaRPr lang="en-GB"/>
          </a:p>
        </p:txBody>
      </p:sp>
      <p:sp>
        <p:nvSpPr>
          <p:cNvPr id="3" name="Date Placeholder 2"/>
          <p:cNvSpPr>
            <a:spLocks noGrp="1"/>
          </p:cNvSpPr>
          <p:nvPr>
            <p:ph type="dt" idx="1"/>
          </p:nvPr>
        </p:nvSpPr>
        <p:spPr>
          <a:xfrm>
            <a:off x="4021295" y="0"/>
            <a:ext cx="3076363" cy="513508"/>
          </a:xfrm>
          <a:prstGeom prst="rect">
            <a:avLst/>
          </a:prstGeom>
        </p:spPr>
        <p:txBody>
          <a:bodyPr vert="horz" lIns="94768" tIns="47384" rIns="94768" bIns="47384" rtlCol="0"/>
          <a:lstStyle>
            <a:lvl1pPr algn="r">
              <a:defRPr sz="1200"/>
            </a:lvl1pPr>
          </a:lstStyle>
          <a:p>
            <a:fld id="{B4836B74-F1EC-4D10-BDC7-E533404D02D3}" type="datetimeFigureOut">
              <a:rPr lang="en-GB" smtClean="0"/>
              <a:t>13/11/2023</a:t>
            </a:fld>
            <a:endParaRPr lang="en-GB"/>
          </a:p>
        </p:txBody>
      </p:sp>
      <p:sp>
        <p:nvSpPr>
          <p:cNvPr id="4" name="Slide Image Placeholder 3"/>
          <p:cNvSpPr>
            <a:spLocks noGrp="1" noRot="1" noChangeAspect="1"/>
          </p:cNvSpPr>
          <p:nvPr>
            <p:ph type="sldImg" idx="2"/>
          </p:nvPr>
        </p:nvSpPr>
        <p:spPr>
          <a:xfrm>
            <a:off x="479425" y="1279525"/>
            <a:ext cx="6140450" cy="3454400"/>
          </a:xfrm>
          <a:prstGeom prst="rect">
            <a:avLst/>
          </a:prstGeom>
          <a:noFill/>
          <a:ln w="12700">
            <a:solidFill>
              <a:prstClr val="black"/>
            </a:solidFill>
          </a:ln>
        </p:spPr>
        <p:txBody>
          <a:bodyPr vert="horz" lIns="94768" tIns="47384" rIns="94768" bIns="47384" rtlCol="0" anchor="ctr"/>
          <a:lstStyle/>
          <a:p>
            <a:endParaRPr lang="en-GB"/>
          </a:p>
        </p:txBody>
      </p:sp>
      <p:sp>
        <p:nvSpPr>
          <p:cNvPr id="5" name="Notes Placeholder 4"/>
          <p:cNvSpPr>
            <a:spLocks noGrp="1"/>
          </p:cNvSpPr>
          <p:nvPr>
            <p:ph type="body" sz="quarter" idx="3"/>
          </p:nvPr>
        </p:nvSpPr>
        <p:spPr>
          <a:xfrm>
            <a:off x="709931" y="4925407"/>
            <a:ext cx="5679440" cy="4029879"/>
          </a:xfrm>
          <a:prstGeom prst="rect">
            <a:avLst/>
          </a:prstGeom>
        </p:spPr>
        <p:txBody>
          <a:bodyPr vert="horz" lIns="94768" tIns="47384" rIns="94768" bIns="47384"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1" y="9721107"/>
            <a:ext cx="3076363" cy="513507"/>
          </a:xfrm>
          <a:prstGeom prst="rect">
            <a:avLst/>
          </a:prstGeom>
        </p:spPr>
        <p:txBody>
          <a:bodyPr vert="horz" lIns="94768" tIns="47384" rIns="94768" bIns="47384" rtlCol="0" anchor="b"/>
          <a:lstStyle>
            <a:lvl1pPr algn="l">
              <a:defRPr sz="1200"/>
            </a:lvl1pPr>
          </a:lstStyle>
          <a:p>
            <a:endParaRPr lang="en-GB"/>
          </a:p>
        </p:txBody>
      </p:sp>
      <p:sp>
        <p:nvSpPr>
          <p:cNvPr id="7" name="Slide Number Placeholder 6"/>
          <p:cNvSpPr>
            <a:spLocks noGrp="1"/>
          </p:cNvSpPr>
          <p:nvPr>
            <p:ph type="sldNum" sz="quarter" idx="5"/>
          </p:nvPr>
        </p:nvSpPr>
        <p:spPr>
          <a:xfrm>
            <a:off x="4021295" y="9721107"/>
            <a:ext cx="3076363" cy="513507"/>
          </a:xfrm>
          <a:prstGeom prst="rect">
            <a:avLst/>
          </a:prstGeom>
        </p:spPr>
        <p:txBody>
          <a:bodyPr vert="horz" lIns="94768" tIns="47384" rIns="94768" bIns="47384" rtlCol="0" anchor="b"/>
          <a:lstStyle>
            <a:lvl1pPr algn="r">
              <a:defRPr sz="1200"/>
            </a:lvl1pPr>
          </a:lstStyle>
          <a:p>
            <a:fld id="{26AB6600-5A39-42DC-BF0F-81CD9D6A37B0}" type="slidenum">
              <a:rPr lang="en-GB" smtClean="0"/>
              <a:t>‹N°›</a:t>
            </a:fld>
            <a:endParaRPr lang="en-GB"/>
          </a:p>
        </p:txBody>
      </p:sp>
    </p:spTree>
    <p:extLst>
      <p:ext uri="{BB962C8B-B14F-4D97-AF65-F5344CB8AC3E}">
        <p14:creationId xmlns:p14="http://schemas.microsoft.com/office/powerpoint/2010/main" val="191942902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e-DE" dirty="0"/>
              <a:t>Agenda</a:t>
            </a:r>
          </a:p>
        </p:txBody>
      </p:sp>
      <p:sp>
        <p:nvSpPr>
          <p:cNvPr id="4" name="Slide Number Placeholder 3"/>
          <p:cNvSpPr>
            <a:spLocks noGrp="1"/>
          </p:cNvSpPr>
          <p:nvPr>
            <p:ph type="sldNum" sz="quarter" idx="5"/>
          </p:nvPr>
        </p:nvSpPr>
        <p:spPr/>
        <p:txBody>
          <a:bodyPr/>
          <a:lstStyle/>
          <a:p>
            <a:fld id="{26AB6600-5A39-42DC-BF0F-81CD9D6A37B0}" type="slidenum">
              <a:rPr lang="en-GB"/>
              <a:t>2</a:t>
            </a:fld>
            <a:endParaRPr lang="en-GB"/>
          </a:p>
        </p:txBody>
      </p:sp>
    </p:spTree>
    <p:extLst>
      <p:ext uri="{BB962C8B-B14F-4D97-AF65-F5344CB8AC3E}">
        <p14:creationId xmlns:p14="http://schemas.microsoft.com/office/powerpoint/2010/main" val="127004141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xml"/><Relationship Id="rId1" Type="http://schemas.openxmlformats.org/officeDocument/2006/relationships/tags" Target="../tags/tag3.xml"/><Relationship Id="rId5" Type="http://schemas.openxmlformats.org/officeDocument/2006/relationships/image" Target="../media/image2.svg"/><Relationship Id="rId4" Type="http://schemas.openxmlformats.org/officeDocument/2006/relationships/image" Target="../media/image1.png"/></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xml.rels><?xml version="1.0" encoding="UTF-8" standalone="yes"?>
<Relationships xmlns="http://schemas.openxmlformats.org/package/2006/relationships"><Relationship Id="rId3" Type="http://schemas.openxmlformats.org/officeDocument/2006/relationships/tags" Target="../tags/tag7.xml"/><Relationship Id="rId7" Type="http://schemas.openxmlformats.org/officeDocument/2006/relationships/image" Target="../media/image5.svg"/><Relationship Id="rId2" Type="http://schemas.openxmlformats.org/officeDocument/2006/relationships/tags" Target="../tags/tag6.xml"/><Relationship Id="rId1" Type="http://schemas.openxmlformats.org/officeDocument/2006/relationships/tags" Target="../tags/tag5.xml"/><Relationship Id="rId6" Type="http://schemas.openxmlformats.org/officeDocument/2006/relationships/image" Target="../media/image4.png"/><Relationship Id="rId5" Type="http://schemas.openxmlformats.org/officeDocument/2006/relationships/image" Target="../media/image3.png"/><Relationship Id="rId4"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xml.rels><?xml version="1.0" encoding="UTF-8" standalone="yes"?>
<Relationships xmlns="http://schemas.openxmlformats.org/package/2006/relationships"><Relationship Id="rId3" Type="http://schemas.openxmlformats.org/officeDocument/2006/relationships/tags" Target="../tags/tag10.xml"/><Relationship Id="rId7" Type="http://schemas.openxmlformats.org/officeDocument/2006/relationships/image" Target="../media/image5.svg"/><Relationship Id="rId2" Type="http://schemas.openxmlformats.org/officeDocument/2006/relationships/tags" Target="../tags/tag9.xml"/><Relationship Id="rId1" Type="http://schemas.openxmlformats.org/officeDocument/2006/relationships/tags" Target="../tags/tag8.xml"/><Relationship Id="rId6" Type="http://schemas.openxmlformats.org/officeDocument/2006/relationships/image" Target="../media/image4.png"/><Relationship Id="rId5" Type="http://schemas.openxmlformats.org/officeDocument/2006/relationships/image" Target="../media/image3.png"/><Relationship Id="rId4"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9.xml"/><Relationship Id="rId1" Type="http://schemas.openxmlformats.org/officeDocument/2006/relationships/tags" Target="../tags/tag38.xml"/></Relationships>
</file>

<file path=ppt/slideLayouts/_rels/slideLayout3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1.xml"/><Relationship Id="rId1" Type="http://schemas.openxmlformats.org/officeDocument/2006/relationships/tags" Target="../tags/tag40.xml"/></Relationships>
</file>

<file path=ppt/slideLayouts/_rels/slideLayout3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2.xml"/></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3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5.xml"/><Relationship Id="rId1" Type="http://schemas.openxmlformats.org/officeDocument/2006/relationships/tags" Target="../tags/tag44.xml"/></Relationships>
</file>

<file path=ppt/slideLayouts/_rels/slideLayout3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7.xml"/><Relationship Id="rId1" Type="http://schemas.openxmlformats.org/officeDocument/2006/relationships/tags" Target="../tags/tag46.xml"/></Relationships>
</file>

<file path=ppt/slideLayouts/_rels/slideLayout3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9.xml"/><Relationship Id="rId1" Type="http://schemas.openxmlformats.org/officeDocument/2006/relationships/tags" Target="../tags/tag48.xml"/></Relationships>
</file>

<file path=ppt/slideLayouts/_rels/slideLayout3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0.xml"/></Relationships>
</file>

<file path=ppt/slideLayouts/_rels/slideLayout3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1.xml"/></Relationships>
</file>

<file path=ppt/slideLayouts/_rels/slideLayout3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2.xml"/></Relationships>
</file>

<file path=ppt/slideLayouts/_rels/slideLayout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3.xml"/></Relationships>
</file>

<file path=ppt/slideLayouts/_rels/slideLayout4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4.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5.xml"/></Relationships>
</file>

<file path=ppt/slideLayouts/_rels/slideLayout4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6.xml"/></Relationships>
</file>

<file path=ppt/slideLayouts/_rels/slideLayout4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7.xml"/></Relationships>
</file>

<file path=ppt/slideLayouts/_rels/slideLayout4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8.xml"/></Relationships>
</file>

<file path=ppt/slideLayouts/_rels/slideLayout4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9.xml"/></Relationships>
</file>

<file path=ppt/slideLayouts/_rels/slideLayout4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60.xml"/></Relationships>
</file>

<file path=ppt/slideLayouts/_rels/slideLayout4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61.xml"/></Relationships>
</file>

<file path=ppt/slideLayouts/_rels/slideLayout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5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62.xml"/></Relationships>
</file>

<file path=ppt/slideLayouts/_rels/slideLayout5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4.xml"/><Relationship Id="rId1" Type="http://schemas.openxmlformats.org/officeDocument/2006/relationships/tags" Target="../tags/tag63.xml"/></Relationships>
</file>

<file path=ppt/slideLayouts/_rels/slideLayout5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6.xml"/><Relationship Id="rId1" Type="http://schemas.openxmlformats.org/officeDocument/2006/relationships/tags" Target="../tags/tag65.xml"/></Relationships>
</file>

<file path=ppt/slideLayouts/_rels/slideLayout5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8.xml"/><Relationship Id="rId1" Type="http://schemas.openxmlformats.org/officeDocument/2006/relationships/tags" Target="../tags/tag67.xml"/></Relationships>
</file>

<file path=ppt/slideLayouts/_rels/slideLayout5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0.xml"/><Relationship Id="rId1" Type="http://schemas.openxmlformats.org/officeDocument/2006/relationships/tags" Target="../tags/tag69.xml"/></Relationships>
</file>

<file path=ppt/slideLayouts/_rels/slideLayout5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2.xml"/><Relationship Id="rId1" Type="http://schemas.openxmlformats.org/officeDocument/2006/relationships/tags" Target="../tags/tag71.xml"/></Relationships>
</file>

<file path=ppt/slideLayouts/_rels/slideLayout5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73.xml"/></Relationships>
</file>

<file path=ppt/slideLayouts/_rels/slideLayout5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74.xml"/></Relationships>
</file>

<file path=ppt/slideLayouts/_rels/slideLayout5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6.xml"/><Relationship Id="rId1" Type="http://schemas.openxmlformats.org/officeDocument/2006/relationships/tags" Target="../tags/tag75.xml"/></Relationships>
</file>

<file path=ppt/slideLayouts/_rels/slideLayout5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77.xml"/></Relationships>
</file>

<file path=ppt/slideLayouts/_rels/slideLayout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xml"/><Relationship Id="rId1" Type="http://schemas.openxmlformats.org/officeDocument/2006/relationships/tags" Target="../tags/tag13.xml"/></Relationships>
</file>

<file path=ppt/slideLayouts/_rels/slideLayout60.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hemeOverride" Target="../theme/themeOverride1.xml"/></Relationships>
</file>

<file path=ppt/slideLayouts/_rels/slideLayout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matchingName="Titelfolie" preserve="1" userDrawn="1">
  <p:cSld name="Titelfoli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6D447A3-1908-49AF-8A13-C55C4C31B90A}"/>
              </a:ext>
            </a:extLst>
          </p:cNvPr>
          <p:cNvSpPr>
            <a:spLocks noGrp="1"/>
          </p:cNvSpPr>
          <p:nvPr>
            <p:ph type="ctrTitle"/>
          </p:nvPr>
        </p:nvSpPr>
        <p:spPr>
          <a:xfrm>
            <a:off x="334963" y="1484784"/>
            <a:ext cx="7345213" cy="2911302"/>
          </a:xfrm>
        </p:spPr>
        <p:txBody>
          <a:bodyPr anchor="b"/>
          <a:lstStyle>
            <a:lvl1pPr algn="l">
              <a:lnSpc>
                <a:spcPct val="100000"/>
              </a:lnSpc>
              <a:defRPr sz="3000" b="0">
                <a:solidFill>
                  <a:schemeClr val="tx2"/>
                </a:solidFill>
              </a:defRPr>
            </a:lvl1pPr>
          </a:lstStyle>
          <a:p>
            <a:r>
              <a:rPr lang="fr-CH" dirty="0" err="1"/>
              <a:t>Mastertitelformat</a:t>
            </a:r>
            <a:r>
              <a:rPr lang="fr-CH" dirty="0"/>
              <a:t> </a:t>
            </a:r>
            <a:r>
              <a:rPr lang="fr-CH" dirty="0" err="1"/>
              <a:t>bearbeiten</a:t>
            </a:r>
            <a:endParaRPr lang="fr-CH" dirty="0"/>
          </a:p>
        </p:txBody>
      </p:sp>
      <p:sp>
        <p:nvSpPr>
          <p:cNvPr id="3" name="Subtitle 2">
            <a:extLst>
              <a:ext uri="{FF2B5EF4-FFF2-40B4-BE49-F238E27FC236}">
                <a16:creationId xmlns:a16="http://schemas.microsoft.com/office/drawing/2014/main" id="{08D7740A-619B-49A7-AB15-127E79F1D3A8}"/>
              </a:ext>
            </a:extLst>
          </p:cNvPr>
          <p:cNvSpPr>
            <a:spLocks noGrp="1"/>
          </p:cNvSpPr>
          <p:nvPr>
            <p:ph type="subTitle" idx="1"/>
          </p:nvPr>
        </p:nvSpPr>
        <p:spPr>
          <a:xfrm>
            <a:off x="334963" y="4840560"/>
            <a:ext cx="5761037" cy="1109390"/>
          </a:xfrm>
        </p:spPr>
        <p:txBody>
          <a:bodyPr/>
          <a:lstStyle>
            <a:lvl1pPr marL="0" indent="0" algn="l">
              <a:spcBef>
                <a:spcPts val="0"/>
              </a:spcBef>
              <a:buNone/>
              <a:defRPr sz="2000">
                <a:solidFill>
                  <a:schemeClr val="tx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fr-CH" dirty="0"/>
              <a:t>Master-</a:t>
            </a:r>
            <a:r>
              <a:rPr lang="fr-CH" dirty="0" err="1"/>
              <a:t>Untertitelformat</a:t>
            </a:r>
            <a:r>
              <a:rPr lang="fr-CH" dirty="0"/>
              <a:t> </a:t>
            </a:r>
            <a:r>
              <a:rPr lang="fr-CH" dirty="0" err="1"/>
              <a:t>bearbeiten</a:t>
            </a:r>
            <a:endParaRPr lang="fr-CH" dirty="0"/>
          </a:p>
        </p:txBody>
      </p:sp>
      <p:pic>
        <p:nvPicPr>
          <p:cNvPr id="12" name="Graphic 11">
            <a:extLst>
              <a:ext uri="{FF2B5EF4-FFF2-40B4-BE49-F238E27FC236}">
                <a16:creationId xmlns:a16="http://schemas.microsoft.com/office/drawing/2014/main" id="{7905BA00-AF25-42A7-A10B-89B5B1D0B1D0}"/>
              </a:ext>
            </a:extLst>
          </p:cNvPr>
          <p:cNvPicPr>
            <a:picLocks noChangeAspect="1"/>
          </p:cNvPicPr>
          <p:nvPr userDrawn="1"/>
        </p:nvPicPr>
        <p:blipFill>
          <a:blip r:embed="rId4" cstate="hqprint">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1546988" y="6260768"/>
            <a:ext cx="299851" cy="342000"/>
          </a:xfrm>
          <a:prstGeom prst="rect">
            <a:avLst/>
          </a:prstGeom>
        </p:spPr>
      </p:pic>
      <p:sp>
        <p:nvSpPr>
          <p:cNvPr id="6" name="TextBox 5">
            <a:extLst>
              <a:ext uri="{FF2B5EF4-FFF2-40B4-BE49-F238E27FC236}">
                <a16:creationId xmlns:a16="http://schemas.microsoft.com/office/drawing/2014/main" id="{973244D5-C962-4365-8F44-B27EC7B148BE}"/>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7" name="Grafik 8">
            <a:extLst>
              <a:ext uri="{FF2B5EF4-FFF2-40B4-BE49-F238E27FC236}">
                <a16:creationId xmlns:a16="http://schemas.microsoft.com/office/drawing/2014/main" id="{C756417D-E2FB-4812-9092-3DE5816F7A4C}"/>
              </a:ext>
            </a:extLst>
          </p:cNvPr>
          <p:cNvSpPr/>
          <p:nvPr>
            <p:custDataLst>
              <p:tags r:id="rId2"/>
            </p:custDataLst>
          </p:nvPr>
        </p:nvSpPr>
        <p:spPr>
          <a:xfrm rot="16200000">
            <a:off x="11255014" y="762554"/>
            <a:ext cx="1080483" cy="193634"/>
          </a:xfrm>
          <a:custGeom>
            <a:avLst/>
            <a:gdLst>
              <a:gd name="connsiteX0" fmla="*/ 1026846 w 1080483"/>
              <a:gd name="connsiteY0" fmla="*/ 150260 h 193634"/>
              <a:gd name="connsiteX1" fmla="*/ 1039045 w 1080483"/>
              <a:gd name="connsiteY1" fmla="*/ 150260 h 193634"/>
              <a:gd name="connsiteX2" fmla="*/ 1039045 w 1080483"/>
              <a:gd name="connsiteY2" fmla="*/ 85006 h 193634"/>
              <a:gd name="connsiteX3" fmla="*/ 1042143 w 1080483"/>
              <a:gd name="connsiteY3" fmla="*/ 70870 h 193634"/>
              <a:gd name="connsiteX4" fmla="*/ 1050082 w 1080483"/>
              <a:gd name="connsiteY4" fmla="*/ 60608 h 193634"/>
              <a:gd name="connsiteX5" fmla="*/ 1060732 w 1080483"/>
              <a:gd name="connsiteY5" fmla="*/ 53830 h 193634"/>
              <a:gd name="connsiteX6" fmla="*/ 1071963 w 1080483"/>
              <a:gd name="connsiteY6" fmla="*/ 51894 h 193634"/>
              <a:gd name="connsiteX7" fmla="*/ 1078934 w 1080483"/>
              <a:gd name="connsiteY7" fmla="*/ 52475 h 193634"/>
              <a:gd name="connsiteX8" fmla="*/ 1080483 w 1080483"/>
              <a:gd name="connsiteY8" fmla="*/ 40857 h 193634"/>
              <a:gd name="connsiteX9" fmla="*/ 1076223 w 1080483"/>
              <a:gd name="connsiteY9" fmla="*/ 40276 h 193634"/>
              <a:gd name="connsiteX10" fmla="*/ 1071963 w 1080483"/>
              <a:gd name="connsiteY10" fmla="*/ 40082 h 193634"/>
              <a:gd name="connsiteX11" fmla="*/ 1054149 w 1080483"/>
              <a:gd name="connsiteY11" fmla="*/ 45117 h 193634"/>
              <a:gd name="connsiteX12" fmla="*/ 1039239 w 1080483"/>
              <a:gd name="connsiteY12" fmla="*/ 59446 h 193634"/>
              <a:gd name="connsiteX13" fmla="*/ 1039239 w 1080483"/>
              <a:gd name="connsiteY13" fmla="*/ 41825 h 193634"/>
              <a:gd name="connsiteX14" fmla="*/ 1027040 w 1080483"/>
              <a:gd name="connsiteY14" fmla="*/ 41825 h 193634"/>
              <a:gd name="connsiteX15" fmla="*/ 1027040 w 1080483"/>
              <a:gd name="connsiteY15" fmla="*/ 150260 h 193634"/>
              <a:gd name="connsiteX16" fmla="*/ 913570 w 1080483"/>
              <a:gd name="connsiteY16" fmla="*/ 88685 h 193634"/>
              <a:gd name="connsiteX17" fmla="*/ 924994 w 1080483"/>
              <a:gd name="connsiteY17" fmla="*/ 58284 h 193634"/>
              <a:gd name="connsiteX18" fmla="*/ 950167 w 1080483"/>
              <a:gd name="connsiteY18" fmla="*/ 48409 h 193634"/>
              <a:gd name="connsiteX19" fmla="*/ 965658 w 1080483"/>
              <a:gd name="connsiteY19" fmla="*/ 51313 h 193634"/>
              <a:gd name="connsiteX20" fmla="*/ 976114 w 1080483"/>
              <a:gd name="connsiteY20" fmla="*/ 59639 h 193634"/>
              <a:gd name="connsiteX21" fmla="*/ 981923 w 1080483"/>
              <a:gd name="connsiteY21" fmla="*/ 72419 h 193634"/>
              <a:gd name="connsiteX22" fmla="*/ 983859 w 1080483"/>
              <a:gd name="connsiteY22" fmla="*/ 88685 h 193634"/>
              <a:gd name="connsiteX23" fmla="*/ 913570 w 1080483"/>
              <a:gd name="connsiteY23" fmla="*/ 88685 h 193634"/>
              <a:gd name="connsiteX24" fmla="*/ 983085 w 1080483"/>
              <a:gd name="connsiteY24" fmla="*/ 121990 h 193634"/>
              <a:gd name="connsiteX25" fmla="*/ 979599 w 1080483"/>
              <a:gd name="connsiteY25" fmla="*/ 130703 h 193634"/>
              <a:gd name="connsiteX26" fmla="*/ 973597 w 1080483"/>
              <a:gd name="connsiteY26" fmla="*/ 137480 h 193634"/>
              <a:gd name="connsiteX27" fmla="*/ 964109 w 1080483"/>
              <a:gd name="connsiteY27" fmla="*/ 141934 h 193634"/>
              <a:gd name="connsiteX28" fmla="*/ 950167 w 1080483"/>
              <a:gd name="connsiteY28" fmla="*/ 143483 h 193634"/>
              <a:gd name="connsiteX29" fmla="*/ 934095 w 1080483"/>
              <a:gd name="connsiteY29" fmla="*/ 139998 h 193634"/>
              <a:gd name="connsiteX30" fmla="*/ 922477 w 1080483"/>
              <a:gd name="connsiteY30" fmla="*/ 130510 h 193634"/>
              <a:gd name="connsiteX31" fmla="*/ 915506 w 1080483"/>
              <a:gd name="connsiteY31" fmla="*/ 116374 h 193634"/>
              <a:gd name="connsiteX32" fmla="*/ 913183 w 1080483"/>
              <a:gd name="connsiteY32" fmla="*/ 98947 h 193634"/>
              <a:gd name="connsiteX33" fmla="*/ 996639 w 1080483"/>
              <a:gd name="connsiteY33" fmla="*/ 98947 h 193634"/>
              <a:gd name="connsiteX34" fmla="*/ 996639 w 1080483"/>
              <a:gd name="connsiteY34" fmla="*/ 91202 h 193634"/>
              <a:gd name="connsiteX35" fmla="*/ 994122 w 1080483"/>
              <a:gd name="connsiteY35" fmla="*/ 70289 h 193634"/>
              <a:gd name="connsiteX36" fmla="*/ 985989 w 1080483"/>
              <a:gd name="connsiteY36" fmla="*/ 53637 h 193634"/>
              <a:gd name="connsiteX37" fmla="*/ 971660 w 1080483"/>
              <a:gd name="connsiteY37" fmla="*/ 42406 h 193634"/>
              <a:gd name="connsiteX38" fmla="*/ 950167 w 1080483"/>
              <a:gd name="connsiteY38" fmla="*/ 38340 h 193634"/>
              <a:gd name="connsiteX39" fmla="*/ 930416 w 1080483"/>
              <a:gd name="connsiteY39" fmla="*/ 42212 h 193634"/>
              <a:gd name="connsiteX40" fmla="*/ 914925 w 1080483"/>
              <a:gd name="connsiteY40" fmla="*/ 53443 h 193634"/>
              <a:gd name="connsiteX41" fmla="*/ 904663 w 1080483"/>
              <a:gd name="connsiteY41" fmla="*/ 71838 h 193634"/>
              <a:gd name="connsiteX42" fmla="*/ 900983 w 1080483"/>
              <a:gd name="connsiteY42" fmla="*/ 97011 h 193634"/>
              <a:gd name="connsiteX43" fmla="*/ 913957 w 1080483"/>
              <a:gd name="connsiteY43" fmla="*/ 138449 h 193634"/>
              <a:gd name="connsiteX44" fmla="*/ 950167 w 1080483"/>
              <a:gd name="connsiteY44" fmla="*/ 153552 h 193634"/>
              <a:gd name="connsiteX45" fmla="*/ 981342 w 1080483"/>
              <a:gd name="connsiteY45" fmla="*/ 144645 h 193634"/>
              <a:gd name="connsiteX46" fmla="*/ 994896 w 1080483"/>
              <a:gd name="connsiteY46" fmla="*/ 121602 h 193634"/>
              <a:gd name="connsiteX47" fmla="*/ 983085 w 1080483"/>
              <a:gd name="connsiteY47" fmla="*/ 121602 h 193634"/>
              <a:gd name="connsiteX48" fmla="*/ 858771 w 1080483"/>
              <a:gd name="connsiteY48" fmla="*/ 95849 h 193634"/>
              <a:gd name="connsiteX49" fmla="*/ 854898 w 1080483"/>
              <a:gd name="connsiteY49" fmla="*/ 117149 h 193634"/>
              <a:gd name="connsiteX50" fmla="*/ 843668 w 1080483"/>
              <a:gd name="connsiteY50" fmla="*/ 131090 h 193634"/>
              <a:gd name="connsiteX51" fmla="*/ 833405 w 1080483"/>
              <a:gd name="connsiteY51" fmla="*/ 136319 h 193634"/>
              <a:gd name="connsiteX52" fmla="*/ 821593 w 1080483"/>
              <a:gd name="connsiteY52" fmla="*/ 137868 h 193634"/>
              <a:gd name="connsiteX53" fmla="*/ 809201 w 1080483"/>
              <a:gd name="connsiteY53" fmla="*/ 135544 h 193634"/>
              <a:gd name="connsiteX54" fmla="*/ 798163 w 1080483"/>
              <a:gd name="connsiteY54" fmla="*/ 127992 h 193634"/>
              <a:gd name="connsiteX55" fmla="*/ 790224 w 1080483"/>
              <a:gd name="connsiteY55" fmla="*/ 114438 h 193634"/>
              <a:gd name="connsiteX56" fmla="*/ 787126 w 1080483"/>
              <a:gd name="connsiteY56" fmla="*/ 93913 h 193634"/>
              <a:gd name="connsiteX57" fmla="*/ 789837 w 1080483"/>
              <a:gd name="connsiteY57" fmla="*/ 73387 h 193634"/>
              <a:gd name="connsiteX58" fmla="*/ 797389 w 1080483"/>
              <a:gd name="connsiteY58" fmla="*/ 59446 h 193634"/>
              <a:gd name="connsiteX59" fmla="*/ 808813 w 1080483"/>
              <a:gd name="connsiteY59" fmla="*/ 51507 h 193634"/>
              <a:gd name="connsiteX60" fmla="*/ 823142 w 1080483"/>
              <a:gd name="connsiteY60" fmla="*/ 48990 h 193634"/>
              <a:gd name="connsiteX61" fmla="*/ 834373 w 1080483"/>
              <a:gd name="connsiteY61" fmla="*/ 50732 h 193634"/>
              <a:gd name="connsiteX62" fmla="*/ 844442 w 1080483"/>
              <a:gd name="connsiteY62" fmla="*/ 56154 h 193634"/>
              <a:gd name="connsiteX63" fmla="*/ 851026 w 1080483"/>
              <a:gd name="connsiteY63" fmla="*/ 62157 h 193634"/>
              <a:gd name="connsiteX64" fmla="*/ 855479 w 1080483"/>
              <a:gd name="connsiteY64" fmla="*/ 69515 h 193634"/>
              <a:gd name="connsiteX65" fmla="*/ 857997 w 1080483"/>
              <a:gd name="connsiteY65" fmla="*/ 79003 h 193634"/>
              <a:gd name="connsiteX66" fmla="*/ 858771 w 1080483"/>
              <a:gd name="connsiteY66" fmla="*/ 91783 h 193634"/>
              <a:gd name="connsiteX67" fmla="*/ 858771 w 1080483"/>
              <a:gd name="connsiteY67" fmla="*/ 95849 h 193634"/>
              <a:gd name="connsiteX68" fmla="*/ 778219 w 1080483"/>
              <a:gd name="connsiteY68" fmla="*/ 162072 h 193634"/>
              <a:gd name="connsiteX69" fmla="*/ 783060 w 1080483"/>
              <a:gd name="connsiteY69" fmla="*/ 176788 h 193634"/>
              <a:gd name="connsiteX70" fmla="*/ 792935 w 1080483"/>
              <a:gd name="connsiteY70" fmla="*/ 186470 h 193634"/>
              <a:gd name="connsiteX71" fmla="*/ 806877 w 1080483"/>
              <a:gd name="connsiteY71" fmla="*/ 191892 h 193634"/>
              <a:gd name="connsiteX72" fmla="*/ 824110 w 1080483"/>
              <a:gd name="connsiteY72" fmla="*/ 193634 h 193634"/>
              <a:gd name="connsiteX73" fmla="*/ 859546 w 1080483"/>
              <a:gd name="connsiteY73" fmla="*/ 181048 h 193634"/>
              <a:gd name="connsiteX74" fmla="*/ 870776 w 1080483"/>
              <a:gd name="connsiteY74" fmla="*/ 146581 h 193634"/>
              <a:gd name="connsiteX75" fmla="*/ 870776 w 1080483"/>
              <a:gd name="connsiteY75" fmla="*/ 41825 h 193634"/>
              <a:gd name="connsiteX76" fmla="*/ 858577 w 1080483"/>
              <a:gd name="connsiteY76" fmla="*/ 41825 h 193634"/>
              <a:gd name="connsiteX77" fmla="*/ 858577 w 1080483"/>
              <a:gd name="connsiteY77" fmla="*/ 56735 h 193634"/>
              <a:gd name="connsiteX78" fmla="*/ 841538 w 1080483"/>
              <a:gd name="connsiteY78" fmla="*/ 42600 h 193634"/>
              <a:gd name="connsiteX79" fmla="*/ 823142 w 1080483"/>
              <a:gd name="connsiteY79" fmla="*/ 38727 h 193634"/>
              <a:gd name="connsiteX80" fmla="*/ 802617 w 1080483"/>
              <a:gd name="connsiteY80" fmla="*/ 42793 h 193634"/>
              <a:gd name="connsiteX81" fmla="*/ 787320 w 1080483"/>
              <a:gd name="connsiteY81" fmla="*/ 54024 h 193634"/>
              <a:gd name="connsiteX82" fmla="*/ 777638 w 1080483"/>
              <a:gd name="connsiteY82" fmla="*/ 71645 h 193634"/>
              <a:gd name="connsiteX83" fmla="*/ 774346 w 1080483"/>
              <a:gd name="connsiteY83" fmla="*/ 94687 h 193634"/>
              <a:gd name="connsiteX84" fmla="*/ 777057 w 1080483"/>
              <a:gd name="connsiteY84" fmla="*/ 115019 h 193634"/>
              <a:gd name="connsiteX85" fmla="*/ 785383 w 1080483"/>
              <a:gd name="connsiteY85" fmla="*/ 132446 h 193634"/>
              <a:gd name="connsiteX86" fmla="*/ 799906 w 1080483"/>
              <a:gd name="connsiteY86" fmla="*/ 144645 h 193634"/>
              <a:gd name="connsiteX87" fmla="*/ 820819 w 1080483"/>
              <a:gd name="connsiteY87" fmla="*/ 149098 h 193634"/>
              <a:gd name="connsiteX88" fmla="*/ 842699 w 1080483"/>
              <a:gd name="connsiteY88" fmla="*/ 143870 h 193634"/>
              <a:gd name="connsiteX89" fmla="*/ 858577 w 1080483"/>
              <a:gd name="connsiteY89" fmla="*/ 129154 h 193634"/>
              <a:gd name="connsiteX90" fmla="*/ 858577 w 1080483"/>
              <a:gd name="connsiteY90" fmla="*/ 145419 h 193634"/>
              <a:gd name="connsiteX91" fmla="*/ 850251 w 1080483"/>
              <a:gd name="connsiteY91" fmla="*/ 174852 h 193634"/>
              <a:gd name="connsiteX92" fmla="*/ 823917 w 1080483"/>
              <a:gd name="connsiteY92" fmla="*/ 183565 h 193634"/>
              <a:gd name="connsiteX93" fmla="*/ 800100 w 1080483"/>
              <a:gd name="connsiteY93" fmla="*/ 178337 h 193634"/>
              <a:gd name="connsiteX94" fmla="*/ 790031 w 1080483"/>
              <a:gd name="connsiteY94" fmla="*/ 162459 h 193634"/>
              <a:gd name="connsiteX95" fmla="*/ 778219 w 1080483"/>
              <a:gd name="connsiteY95" fmla="*/ 162459 h 193634"/>
              <a:gd name="connsiteX96" fmla="*/ 705799 w 1080483"/>
              <a:gd name="connsiteY96" fmla="*/ 150260 h 193634"/>
              <a:gd name="connsiteX97" fmla="*/ 717998 w 1080483"/>
              <a:gd name="connsiteY97" fmla="*/ 150260 h 193634"/>
              <a:gd name="connsiteX98" fmla="*/ 717998 w 1080483"/>
              <a:gd name="connsiteY98" fmla="*/ 85006 h 193634"/>
              <a:gd name="connsiteX99" fmla="*/ 721097 w 1080483"/>
              <a:gd name="connsiteY99" fmla="*/ 70870 h 193634"/>
              <a:gd name="connsiteX100" fmla="*/ 729036 w 1080483"/>
              <a:gd name="connsiteY100" fmla="*/ 60608 h 193634"/>
              <a:gd name="connsiteX101" fmla="*/ 739686 w 1080483"/>
              <a:gd name="connsiteY101" fmla="*/ 53830 h 193634"/>
              <a:gd name="connsiteX102" fmla="*/ 750916 w 1080483"/>
              <a:gd name="connsiteY102" fmla="*/ 51894 h 193634"/>
              <a:gd name="connsiteX103" fmla="*/ 757887 w 1080483"/>
              <a:gd name="connsiteY103" fmla="*/ 52475 h 193634"/>
              <a:gd name="connsiteX104" fmla="*/ 759436 w 1080483"/>
              <a:gd name="connsiteY104" fmla="*/ 40857 h 193634"/>
              <a:gd name="connsiteX105" fmla="*/ 755176 w 1080483"/>
              <a:gd name="connsiteY105" fmla="*/ 40276 h 193634"/>
              <a:gd name="connsiteX106" fmla="*/ 750916 w 1080483"/>
              <a:gd name="connsiteY106" fmla="*/ 40082 h 193634"/>
              <a:gd name="connsiteX107" fmla="*/ 733102 w 1080483"/>
              <a:gd name="connsiteY107" fmla="*/ 45117 h 193634"/>
              <a:gd name="connsiteX108" fmla="*/ 718192 w 1080483"/>
              <a:gd name="connsiteY108" fmla="*/ 59446 h 193634"/>
              <a:gd name="connsiteX109" fmla="*/ 718192 w 1080483"/>
              <a:gd name="connsiteY109" fmla="*/ 41825 h 193634"/>
              <a:gd name="connsiteX110" fmla="*/ 705993 w 1080483"/>
              <a:gd name="connsiteY110" fmla="*/ 41825 h 193634"/>
              <a:gd name="connsiteX111" fmla="*/ 705993 w 1080483"/>
              <a:gd name="connsiteY111" fmla="*/ 150260 h 193634"/>
              <a:gd name="connsiteX112" fmla="*/ 585358 w 1080483"/>
              <a:gd name="connsiteY112" fmla="*/ 114051 h 193634"/>
              <a:gd name="connsiteX113" fmla="*/ 593298 w 1080483"/>
              <a:gd name="connsiteY113" fmla="*/ 143483 h 193634"/>
              <a:gd name="connsiteX114" fmla="*/ 619826 w 1080483"/>
              <a:gd name="connsiteY114" fmla="*/ 153552 h 193634"/>
              <a:gd name="connsiteX115" fmla="*/ 659133 w 1080483"/>
              <a:gd name="connsiteY115" fmla="*/ 132446 h 193634"/>
              <a:gd name="connsiteX116" fmla="*/ 659133 w 1080483"/>
              <a:gd name="connsiteY116" fmla="*/ 150067 h 193634"/>
              <a:gd name="connsiteX117" fmla="*/ 671332 w 1080483"/>
              <a:gd name="connsiteY117" fmla="*/ 150067 h 193634"/>
              <a:gd name="connsiteX118" fmla="*/ 671332 w 1080483"/>
              <a:gd name="connsiteY118" fmla="*/ 41631 h 193634"/>
              <a:gd name="connsiteX119" fmla="*/ 659133 w 1080483"/>
              <a:gd name="connsiteY119" fmla="*/ 41631 h 193634"/>
              <a:gd name="connsiteX120" fmla="*/ 659133 w 1080483"/>
              <a:gd name="connsiteY120" fmla="*/ 105143 h 193634"/>
              <a:gd name="connsiteX121" fmla="*/ 656035 w 1080483"/>
              <a:gd name="connsiteY121" fmla="*/ 121021 h 193634"/>
              <a:gd name="connsiteX122" fmla="*/ 646741 w 1080483"/>
              <a:gd name="connsiteY122" fmla="*/ 132252 h 193634"/>
              <a:gd name="connsiteX123" fmla="*/ 634348 w 1080483"/>
              <a:gd name="connsiteY123" fmla="*/ 139804 h 193634"/>
              <a:gd name="connsiteX124" fmla="*/ 621375 w 1080483"/>
              <a:gd name="connsiteY124" fmla="*/ 142321 h 193634"/>
              <a:gd name="connsiteX125" fmla="*/ 602979 w 1080483"/>
              <a:gd name="connsiteY125" fmla="*/ 134770 h 193634"/>
              <a:gd name="connsiteX126" fmla="*/ 597558 w 1080483"/>
              <a:gd name="connsiteY126" fmla="*/ 110178 h 193634"/>
              <a:gd name="connsiteX127" fmla="*/ 597558 w 1080483"/>
              <a:gd name="connsiteY127" fmla="*/ 41825 h 193634"/>
              <a:gd name="connsiteX128" fmla="*/ 585358 w 1080483"/>
              <a:gd name="connsiteY128" fmla="*/ 41825 h 193634"/>
              <a:gd name="connsiteX129" fmla="*/ 585358 w 1080483"/>
              <a:gd name="connsiteY129" fmla="*/ 114051 h 193634"/>
              <a:gd name="connsiteX130" fmla="*/ 470920 w 1080483"/>
              <a:gd name="connsiteY130" fmla="*/ 91008 h 193634"/>
              <a:gd name="connsiteX131" fmla="*/ 474987 w 1080483"/>
              <a:gd name="connsiteY131" fmla="*/ 69902 h 193634"/>
              <a:gd name="connsiteX132" fmla="*/ 486411 w 1080483"/>
              <a:gd name="connsiteY132" fmla="*/ 56154 h 193634"/>
              <a:gd name="connsiteX133" fmla="*/ 496867 w 1080483"/>
              <a:gd name="connsiteY133" fmla="*/ 50732 h 193634"/>
              <a:gd name="connsiteX134" fmla="*/ 508679 w 1080483"/>
              <a:gd name="connsiteY134" fmla="*/ 49183 h 193634"/>
              <a:gd name="connsiteX135" fmla="*/ 520684 w 1080483"/>
              <a:gd name="connsiteY135" fmla="*/ 51313 h 193634"/>
              <a:gd name="connsiteX136" fmla="*/ 531722 w 1080483"/>
              <a:gd name="connsiteY136" fmla="*/ 58865 h 193634"/>
              <a:gd name="connsiteX137" fmla="*/ 539661 w 1080483"/>
              <a:gd name="connsiteY137" fmla="*/ 73000 h 193634"/>
              <a:gd name="connsiteX138" fmla="*/ 542759 w 1080483"/>
              <a:gd name="connsiteY138" fmla="*/ 95074 h 193634"/>
              <a:gd name="connsiteX139" fmla="*/ 540048 w 1080483"/>
              <a:gd name="connsiteY139" fmla="*/ 117342 h 193634"/>
              <a:gd name="connsiteX140" fmla="*/ 532496 w 1080483"/>
              <a:gd name="connsiteY140" fmla="*/ 132252 h 193634"/>
              <a:gd name="connsiteX141" fmla="*/ 521265 w 1080483"/>
              <a:gd name="connsiteY141" fmla="*/ 140579 h 193634"/>
              <a:gd name="connsiteX142" fmla="*/ 506936 w 1080483"/>
              <a:gd name="connsiteY142" fmla="*/ 143289 h 193634"/>
              <a:gd name="connsiteX143" fmla="*/ 495318 w 1080483"/>
              <a:gd name="connsiteY143" fmla="*/ 141547 h 193634"/>
              <a:gd name="connsiteX144" fmla="*/ 485443 w 1080483"/>
              <a:gd name="connsiteY144" fmla="*/ 136125 h 193634"/>
              <a:gd name="connsiteX145" fmla="*/ 478666 w 1080483"/>
              <a:gd name="connsiteY145" fmla="*/ 130122 h 193634"/>
              <a:gd name="connsiteX146" fmla="*/ 474212 w 1080483"/>
              <a:gd name="connsiteY146" fmla="*/ 122571 h 193634"/>
              <a:gd name="connsiteX147" fmla="*/ 471695 w 1080483"/>
              <a:gd name="connsiteY147" fmla="*/ 113082 h 193634"/>
              <a:gd name="connsiteX148" fmla="*/ 470920 w 1080483"/>
              <a:gd name="connsiteY148" fmla="*/ 100496 h 193634"/>
              <a:gd name="connsiteX149" fmla="*/ 470920 w 1080483"/>
              <a:gd name="connsiteY149" fmla="*/ 91008 h 193634"/>
              <a:gd name="connsiteX150" fmla="*/ 459109 w 1080483"/>
              <a:gd name="connsiteY150" fmla="*/ 150260 h 193634"/>
              <a:gd name="connsiteX151" fmla="*/ 471307 w 1080483"/>
              <a:gd name="connsiteY151" fmla="*/ 150260 h 193634"/>
              <a:gd name="connsiteX152" fmla="*/ 471307 w 1080483"/>
              <a:gd name="connsiteY152" fmla="*/ 135544 h 193634"/>
              <a:gd name="connsiteX153" fmla="*/ 487960 w 1080483"/>
              <a:gd name="connsiteY153" fmla="*/ 149679 h 193634"/>
              <a:gd name="connsiteX154" fmla="*/ 506936 w 1080483"/>
              <a:gd name="connsiteY154" fmla="*/ 153746 h 193634"/>
              <a:gd name="connsiteX155" fmla="*/ 527074 w 1080483"/>
              <a:gd name="connsiteY155" fmla="*/ 149679 h 193634"/>
              <a:gd name="connsiteX156" fmla="*/ 542372 w 1080483"/>
              <a:gd name="connsiteY156" fmla="*/ 138061 h 193634"/>
              <a:gd name="connsiteX157" fmla="*/ 552247 w 1080483"/>
              <a:gd name="connsiteY157" fmla="*/ 119666 h 193634"/>
              <a:gd name="connsiteX158" fmla="*/ 555732 w 1080483"/>
              <a:gd name="connsiteY158" fmla="*/ 94881 h 193634"/>
              <a:gd name="connsiteX159" fmla="*/ 552828 w 1080483"/>
              <a:gd name="connsiteY159" fmla="*/ 72613 h 193634"/>
              <a:gd name="connsiteX160" fmla="*/ 544114 w 1080483"/>
              <a:gd name="connsiteY160" fmla="*/ 54799 h 193634"/>
              <a:gd name="connsiteX161" fmla="*/ 529398 w 1080483"/>
              <a:gd name="connsiteY161" fmla="*/ 42987 h 193634"/>
              <a:gd name="connsiteX162" fmla="*/ 508679 w 1080483"/>
              <a:gd name="connsiteY162" fmla="*/ 38727 h 193634"/>
              <a:gd name="connsiteX163" fmla="*/ 487186 w 1080483"/>
              <a:gd name="connsiteY163" fmla="*/ 43955 h 193634"/>
              <a:gd name="connsiteX164" fmla="*/ 470920 w 1080483"/>
              <a:gd name="connsiteY164" fmla="*/ 58284 h 193634"/>
              <a:gd name="connsiteX165" fmla="*/ 470920 w 1080483"/>
              <a:gd name="connsiteY165" fmla="*/ 194 h 193634"/>
              <a:gd name="connsiteX166" fmla="*/ 458721 w 1080483"/>
              <a:gd name="connsiteY166" fmla="*/ 194 h 193634"/>
              <a:gd name="connsiteX167" fmla="*/ 458721 w 1080483"/>
              <a:gd name="connsiteY167" fmla="*/ 150260 h 193634"/>
              <a:gd name="connsiteX168" fmla="*/ 274768 w 1080483"/>
              <a:gd name="connsiteY168" fmla="*/ 150260 h 193634"/>
              <a:gd name="connsiteX169" fmla="*/ 286967 w 1080483"/>
              <a:gd name="connsiteY169" fmla="*/ 150260 h 193634"/>
              <a:gd name="connsiteX170" fmla="*/ 286967 w 1080483"/>
              <a:gd name="connsiteY170" fmla="*/ 86167 h 193634"/>
              <a:gd name="connsiteX171" fmla="*/ 288129 w 1080483"/>
              <a:gd name="connsiteY171" fmla="*/ 76486 h 193634"/>
              <a:gd name="connsiteX172" fmla="*/ 291033 w 1080483"/>
              <a:gd name="connsiteY172" fmla="*/ 69127 h 193634"/>
              <a:gd name="connsiteX173" fmla="*/ 294906 w 1080483"/>
              <a:gd name="connsiteY173" fmla="*/ 63706 h 193634"/>
              <a:gd name="connsiteX174" fmla="*/ 298972 w 1080483"/>
              <a:gd name="connsiteY174" fmla="*/ 59639 h 193634"/>
              <a:gd name="connsiteX175" fmla="*/ 310010 w 1080483"/>
              <a:gd name="connsiteY175" fmla="*/ 52088 h 193634"/>
              <a:gd name="connsiteX176" fmla="*/ 321821 w 1080483"/>
              <a:gd name="connsiteY176" fmla="*/ 49377 h 193634"/>
              <a:gd name="connsiteX177" fmla="*/ 338474 w 1080483"/>
              <a:gd name="connsiteY177" fmla="*/ 55960 h 193634"/>
              <a:gd name="connsiteX178" fmla="*/ 343896 w 1080483"/>
              <a:gd name="connsiteY178" fmla="*/ 78422 h 193634"/>
              <a:gd name="connsiteX179" fmla="*/ 343896 w 1080483"/>
              <a:gd name="connsiteY179" fmla="*/ 150260 h 193634"/>
              <a:gd name="connsiteX180" fmla="*/ 356095 w 1080483"/>
              <a:gd name="connsiteY180" fmla="*/ 150260 h 193634"/>
              <a:gd name="connsiteX181" fmla="*/ 356095 w 1080483"/>
              <a:gd name="connsiteY181" fmla="*/ 80939 h 193634"/>
              <a:gd name="connsiteX182" fmla="*/ 359387 w 1080483"/>
              <a:gd name="connsiteY182" fmla="*/ 67578 h 193634"/>
              <a:gd name="connsiteX183" fmla="*/ 367713 w 1080483"/>
              <a:gd name="connsiteY183" fmla="*/ 57897 h 193634"/>
              <a:gd name="connsiteX184" fmla="*/ 379525 w 1080483"/>
              <a:gd name="connsiteY184" fmla="*/ 51313 h 193634"/>
              <a:gd name="connsiteX185" fmla="*/ 390562 w 1080483"/>
              <a:gd name="connsiteY185" fmla="*/ 49570 h 193634"/>
              <a:gd name="connsiteX186" fmla="*/ 400437 w 1080483"/>
              <a:gd name="connsiteY186" fmla="*/ 50926 h 193634"/>
              <a:gd name="connsiteX187" fmla="*/ 407408 w 1080483"/>
              <a:gd name="connsiteY187" fmla="*/ 55573 h 193634"/>
              <a:gd name="connsiteX188" fmla="*/ 411668 w 1080483"/>
              <a:gd name="connsiteY188" fmla="*/ 64480 h 193634"/>
              <a:gd name="connsiteX189" fmla="*/ 413023 w 1080483"/>
              <a:gd name="connsiteY189" fmla="*/ 78422 h 193634"/>
              <a:gd name="connsiteX190" fmla="*/ 413023 w 1080483"/>
              <a:gd name="connsiteY190" fmla="*/ 150454 h 193634"/>
              <a:gd name="connsiteX191" fmla="*/ 425222 w 1080483"/>
              <a:gd name="connsiteY191" fmla="*/ 150454 h 193634"/>
              <a:gd name="connsiteX192" fmla="*/ 425222 w 1080483"/>
              <a:gd name="connsiteY192" fmla="*/ 73968 h 193634"/>
              <a:gd name="connsiteX193" fmla="*/ 416315 w 1080483"/>
              <a:gd name="connsiteY193" fmla="*/ 47053 h 193634"/>
              <a:gd name="connsiteX194" fmla="*/ 391917 w 1080483"/>
              <a:gd name="connsiteY194" fmla="*/ 38533 h 193634"/>
              <a:gd name="connsiteX195" fmla="*/ 370617 w 1080483"/>
              <a:gd name="connsiteY195" fmla="*/ 44149 h 193634"/>
              <a:gd name="connsiteX196" fmla="*/ 353384 w 1080483"/>
              <a:gd name="connsiteY196" fmla="*/ 59833 h 193634"/>
              <a:gd name="connsiteX197" fmla="*/ 342347 w 1080483"/>
              <a:gd name="connsiteY197" fmla="*/ 44149 h 193634"/>
              <a:gd name="connsiteX198" fmla="*/ 322402 w 1080483"/>
              <a:gd name="connsiteY198" fmla="*/ 38533 h 193634"/>
              <a:gd name="connsiteX199" fmla="*/ 303813 w 1080483"/>
              <a:gd name="connsiteY199" fmla="*/ 43761 h 193634"/>
              <a:gd name="connsiteX200" fmla="*/ 286580 w 1080483"/>
              <a:gd name="connsiteY200" fmla="*/ 59833 h 193634"/>
              <a:gd name="connsiteX201" fmla="*/ 286580 w 1080483"/>
              <a:gd name="connsiteY201" fmla="*/ 42019 h 193634"/>
              <a:gd name="connsiteX202" fmla="*/ 274381 w 1080483"/>
              <a:gd name="connsiteY202" fmla="*/ 42019 h 193634"/>
              <a:gd name="connsiteX203" fmla="*/ 274381 w 1080483"/>
              <a:gd name="connsiteY203" fmla="*/ 150260 h 193634"/>
              <a:gd name="connsiteX204" fmla="*/ 214935 w 1080483"/>
              <a:gd name="connsiteY204" fmla="*/ 149679 h 193634"/>
              <a:gd name="connsiteX205" fmla="*/ 231200 w 1080483"/>
              <a:gd name="connsiteY205" fmla="*/ 137868 h 193634"/>
              <a:gd name="connsiteX206" fmla="*/ 241463 w 1080483"/>
              <a:gd name="connsiteY206" fmla="*/ 119472 h 193634"/>
              <a:gd name="connsiteX207" fmla="*/ 245142 w 1080483"/>
              <a:gd name="connsiteY207" fmla="*/ 95462 h 193634"/>
              <a:gd name="connsiteX208" fmla="*/ 241656 w 1080483"/>
              <a:gd name="connsiteY208" fmla="*/ 72032 h 193634"/>
              <a:gd name="connsiteX209" fmla="*/ 231587 w 1080483"/>
              <a:gd name="connsiteY209" fmla="*/ 54024 h 193634"/>
              <a:gd name="connsiteX210" fmla="*/ 215516 w 1080483"/>
              <a:gd name="connsiteY210" fmla="*/ 42600 h 193634"/>
              <a:gd name="connsiteX211" fmla="*/ 194216 w 1080483"/>
              <a:gd name="connsiteY211" fmla="*/ 38533 h 193634"/>
              <a:gd name="connsiteX212" fmla="*/ 172916 w 1080483"/>
              <a:gd name="connsiteY212" fmla="*/ 42600 h 193634"/>
              <a:gd name="connsiteX213" fmla="*/ 156844 w 1080483"/>
              <a:gd name="connsiteY213" fmla="*/ 54218 h 193634"/>
              <a:gd name="connsiteX214" fmla="*/ 146582 w 1080483"/>
              <a:gd name="connsiteY214" fmla="*/ 72613 h 193634"/>
              <a:gd name="connsiteX215" fmla="*/ 142903 w 1080483"/>
              <a:gd name="connsiteY215" fmla="*/ 96624 h 193634"/>
              <a:gd name="connsiteX216" fmla="*/ 146388 w 1080483"/>
              <a:gd name="connsiteY216" fmla="*/ 120247 h 193634"/>
              <a:gd name="connsiteX217" fmla="*/ 156263 w 1080483"/>
              <a:gd name="connsiteY217" fmla="*/ 138255 h 193634"/>
              <a:gd name="connsiteX218" fmla="*/ 171948 w 1080483"/>
              <a:gd name="connsiteY218" fmla="*/ 149679 h 193634"/>
              <a:gd name="connsiteX219" fmla="*/ 193248 w 1080483"/>
              <a:gd name="connsiteY219" fmla="*/ 153746 h 193634"/>
              <a:gd name="connsiteX220" fmla="*/ 214935 w 1080483"/>
              <a:gd name="connsiteY220" fmla="*/ 149679 h 193634"/>
              <a:gd name="connsiteX221" fmla="*/ 176401 w 1080483"/>
              <a:gd name="connsiteY221" fmla="*/ 139417 h 193634"/>
              <a:gd name="connsiteX222" fmla="*/ 164590 w 1080483"/>
              <a:gd name="connsiteY222" fmla="*/ 129348 h 193634"/>
              <a:gd name="connsiteX223" fmla="*/ 158006 w 1080483"/>
              <a:gd name="connsiteY223" fmla="*/ 114438 h 193634"/>
              <a:gd name="connsiteX224" fmla="*/ 155876 w 1080483"/>
              <a:gd name="connsiteY224" fmla="*/ 95849 h 193634"/>
              <a:gd name="connsiteX225" fmla="*/ 158006 w 1080483"/>
              <a:gd name="connsiteY225" fmla="*/ 77454 h 193634"/>
              <a:gd name="connsiteX226" fmla="*/ 164590 w 1080483"/>
              <a:gd name="connsiteY226" fmla="*/ 62544 h 193634"/>
              <a:gd name="connsiteX227" fmla="*/ 176401 w 1080483"/>
              <a:gd name="connsiteY227" fmla="*/ 52475 h 193634"/>
              <a:gd name="connsiteX228" fmla="*/ 193829 w 1080483"/>
              <a:gd name="connsiteY228" fmla="*/ 48796 h 193634"/>
              <a:gd name="connsiteX229" fmla="*/ 211256 w 1080483"/>
              <a:gd name="connsiteY229" fmla="*/ 52475 h 193634"/>
              <a:gd name="connsiteX230" fmla="*/ 223067 w 1080483"/>
              <a:gd name="connsiteY230" fmla="*/ 62544 h 193634"/>
              <a:gd name="connsiteX231" fmla="*/ 229845 w 1080483"/>
              <a:gd name="connsiteY231" fmla="*/ 77454 h 193634"/>
              <a:gd name="connsiteX232" fmla="*/ 231975 w 1080483"/>
              <a:gd name="connsiteY232" fmla="*/ 95655 h 193634"/>
              <a:gd name="connsiteX233" fmla="*/ 229845 w 1080483"/>
              <a:gd name="connsiteY233" fmla="*/ 114438 h 193634"/>
              <a:gd name="connsiteX234" fmla="*/ 223067 w 1080483"/>
              <a:gd name="connsiteY234" fmla="*/ 129348 h 193634"/>
              <a:gd name="connsiteX235" fmla="*/ 211256 w 1080483"/>
              <a:gd name="connsiteY235" fmla="*/ 139417 h 193634"/>
              <a:gd name="connsiteX236" fmla="*/ 193829 w 1080483"/>
              <a:gd name="connsiteY236" fmla="*/ 143096 h 193634"/>
              <a:gd name="connsiteX237" fmla="*/ 176401 w 1080483"/>
              <a:gd name="connsiteY237" fmla="*/ 139417 h 193634"/>
              <a:gd name="connsiteX238" fmla="*/ 0 w 1080483"/>
              <a:gd name="connsiteY238" fmla="*/ 150260 h 193634"/>
              <a:gd name="connsiteX239" fmla="*/ 12780 w 1080483"/>
              <a:gd name="connsiteY239" fmla="*/ 150260 h 193634"/>
              <a:gd name="connsiteX240" fmla="*/ 12780 w 1080483"/>
              <a:gd name="connsiteY240" fmla="*/ 78616 h 193634"/>
              <a:gd name="connsiteX241" fmla="*/ 97592 w 1080483"/>
              <a:gd name="connsiteY241" fmla="*/ 78616 h 193634"/>
              <a:gd name="connsiteX242" fmla="*/ 97592 w 1080483"/>
              <a:gd name="connsiteY242" fmla="*/ 150454 h 193634"/>
              <a:gd name="connsiteX243" fmla="*/ 110372 w 1080483"/>
              <a:gd name="connsiteY243" fmla="*/ 150454 h 193634"/>
              <a:gd name="connsiteX244" fmla="*/ 110372 w 1080483"/>
              <a:gd name="connsiteY244" fmla="*/ 0 h 193634"/>
              <a:gd name="connsiteX245" fmla="*/ 97592 w 1080483"/>
              <a:gd name="connsiteY245" fmla="*/ 0 h 193634"/>
              <a:gd name="connsiteX246" fmla="*/ 97592 w 1080483"/>
              <a:gd name="connsiteY246" fmla="*/ 66610 h 193634"/>
              <a:gd name="connsiteX247" fmla="*/ 12780 w 1080483"/>
              <a:gd name="connsiteY247" fmla="*/ 66610 h 193634"/>
              <a:gd name="connsiteX248" fmla="*/ 12780 w 1080483"/>
              <a:gd name="connsiteY248" fmla="*/ 0 h 193634"/>
              <a:gd name="connsiteX249" fmla="*/ 0 w 1080483"/>
              <a:gd name="connsiteY249" fmla="*/ 0 h 193634"/>
              <a:gd name="connsiteX250" fmla="*/ 0 w 1080483"/>
              <a:gd name="connsiteY250" fmla="*/ 150260 h 193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1080483" h="193634">
                <a:moveTo>
                  <a:pt x="1026846" y="150260"/>
                </a:moveTo>
                <a:lnTo>
                  <a:pt x="1039045" y="150260"/>
                </a:lnTo>
                <a:lnTo>
                  <a:pt x="1039045" y="85006"/>
                </a:lnTo>
                <a:cubicBezTo>
                  <a:pt x="1039045" y="79584"/>
                  <a:pt x="1040013" y="74743"/>
                  <a:pt x="1042143" y="70870"/>
                </a:cubicBezTo>
                <a:cubicBezTo>
                  <a:pt x="1044273" y="66804"/>
                  <a:pt x="1046984" y="63512"/>
                  <a:pt x="1050082" y="60608"/>
                </a:cubicBezTo>
                <a:cubicBezTo>
                  <a:pt x="1053374" y="57316"/>
                  <a:pt x="1057053" y="55186"/>
                  <a:pt x="1060732" y="53830"/>
                </a:cubicBezTo>
                <a:cubicBezTo>
                  <a:pt x="1064605" y="52475"/>
                  <a:pt x="1068284" y="51894"/>
                  <a:pt x="1071963" y="51894"/>
                </a:cubicBezTo>
                <a:cubicBezTo>
                  <a:pt x="1074093" y="51894"/>
                  <a:pt x="1076417" y="52088"/>
                  <a:pt x="1078934" y="52475"/>
                </a:cubicBezTo>
                <a:lnTo>
                  <a:pt x="1080483" y="40857"/>
                </a:lnTo>
                <a:cubicBezTo>
                  <a:pt x="1078934" y="40663"/>
                  <a:pt x="1077579" y="40470"/>
                  <a:pt x="1076223" y="40276"/>
                </a:cubicBezTo>
                <a:cubicBezTo>
                  <a:pt x="1074868" y="40276"/>
                  <a:pt x="1073512" y="40082"/>
                  <a:pt x="1071963" y="40082"/>
                </a:cubicBezTo>
                <a:cubicBezTo>
                  <a:pt x="1065573" y="40082"/>
                  <a:pt x="1059764" y="41825"/>
                  <a:pt x="1054149" y="45117"/>
                </a:cubicBezTo>
                <a:cubicBezTo>
                  <a:pt x="1048533" y="48409"/>
                  <a:pt x="1043499" y="53249"/>
                  <a:pt x="1039239" y="59446"/>
                </a:cubicBezTo>
                <a:lnTo>
                  <a:pt x="1039239" y="41825"/>
                </a:lnTo>
                <a:lnTo>
                  <a:pt x="1027040" y="41825"/>
                </a:lnTo>
                <a:lnTo>
                  <a:pt x="1027040" y="150260"/>
                </a:lnTo>
                <a:close/>
                <a:moveTo>
                  <a:pt x="913570" y="88685"/>
                </a:moveTo>
                <a:cubicBezTo>
                  <a:pt x="914925" y="75130"/>
                  <a:pt x="918604" y="65061"/>
                  <a:pt x="924994" y="58284"/>
                </a:cubicBezTo>
                <a:cubicBezTo>
                  <a:pt x="931384" y="51700"/>
                  <a:pt x="939710" y="48409"/>
                  <a:pt x="950167" y="48409"/>
                </a:cubicBezTo>
                <a:cubicBezTo>
                  <a:pt x="956169" y="48409"/>
                  <a:pt x="961398" y="49377"/>
                  <a:pt x="965658" y="51313"/>
                </a:cubicBezTo>
                <a:cubicBezTo>
                  <a:pt x="969918" y="53249"/>
                  <a:pt x="973597" y="55960"/>
                  <a:pt x="976114" y="59639"/>
                </a:cubicBezTo>
                <a:cubicBezTo>
                  <a:pt x="978825" y="63318"/>
                  <a:pt x="980761" y="67385"/>
                  <a:pt x="981923" y="72419"/>
                </a:cubicBezTo>
                <a:cubicBezTo>
                  <a:pt x="983278" y="77260"/>
                  <a:pt x="983859" y="82682"/>
                  <a:pt x="983859" y="88685"/>
                </a:cubicBezTo>
                <a:lnTo>
                  <a:pt x="913570" y="88685"/>
                </a:lnTo>
                <a:close/>
                <a:moveTo>
                  <a:pt x="983085" y="121990"/>
                </a:moveTo>
                <a:cubicBezTo>
                  <a:pt x="982310" y="125281"/>
                  <a:pt x="981148" y="128186"/>
                  <a:pt x="979599" y="130703"/>
                </a:cubicBezTo>
                <a:cubicBezTo>
                  <a:pt x="978050" y="133220"/>
                  <a:pt x="976114" y="135544"/>
                  <a:pt x="973597" y="137480"/>
                </a:cubicBezTo>
                <a:cubicBezTo>
                  <a:pt x="971079" y="139417"/>
                  <a:pt x="967981" y="140966"/>
                  <a:pt x="964109" y="141934"/>
                </a:cubicBezTo>
                <a:cubicBezTo>
                  <a:pt x="960236" y="142902"/>
                  <a:pt x="955589" y="143483"/>
                  <a:pt x="950167" y="143483"/>
                </a:cubicBezTo>
                <a:cubicBezTo>
                  <a:pt x="944164" y="143483"/>
                  <a:pt x="938742" y="142321"/>
                  <a:pt x="934095" y="139998"/>
                </a:cubicBezTo>
                <a:cubicBezTo>
                  <a:pt x="929448" y="137674"/>
                  <a:pt x="925575" y="134576"/>
                  <a:pt x="922477" y="130510"/>
                </a:cubicBezTo>
                <a:cubicBezTo>
                  <a:pt x="919379" y="126443"/>
                  <a:pt x="917055" y="121796"/>
                  <a:pt x="915506" y="116374"/>
                </a:cubicBezTo>
                <a:cubicBezTo>
                  <a:pt x="913957" y="110953"/>
                  <a:pt x="913183" y="105143"/>
                  <a:pt x="913183" y="98947"/>
                </a:cubicBezTo>
                <a:lnTo>
                  <a:pt x="996639" y="98947"/>
                </a:lnTo>
                <a:lnTo>
                  <a:pt x="996639" y="91202"/>
                </a:lnTo>
                <a:cubicBezTo>
                  <a:pt x="996639" y="83844"/>
                  <a:pt x="995865" y="76873"/>
                  <a:pt x="994122" y="70289"/>
                </a:cubicBezTo>
                <a:cubicBezTo>
                  <a:pt x="992379" y="63899"/>
                  <a:pt x="989668" y="58284"/>
                  <a:pt x="985989" y="53637"/>
                </a:cubicBezTo>
                <a:cubicBezTo>
                  <a:pt x="982310" y="48990"/>
                  <a:pt x="977469" y="45310"/>
                  <a:pt x="971660" y="42406"/>
                </a:cubicBezTo>
                <a:cubicBezTo>
                  <a:pt x="965851" y="39695"/>
                  <a:pt x="958687" y="38340"/>
                  <a:pt x="950167" y="38340"/>
                </a:cubicBezTo>
                <a:cubicBezTo>
                  <a:pt x="943002" y="38340"/>
                  <a:pt x="936419" y="39695"/>
                  <a:pt x="930416" y="42212"/>
                </a:cubicBezTo>
                <a:cubicBezTo>
                  <a:pt x="924413" y="44730"/>
                  <a:pt x="919185" y="48409"/>
                  <a:pt x="914925" y="53443"/>
                </a:cubicBezTo>
                <a:cubicBezTo>
                  <a:pt x="910472" y="58478"/>
                  <a:pt x="906986" y="64480"/>
                  <a:pt x="904663" y="71838"/>
                </a:cubicBezTo>
                <a:cubicBezTo>
                  <a:pt x="902145" y="79196"/>
                  <a:pt x="900983" y="87523"/>
                  <a:pt x="900983" y="97011"/>
                </a:cubicBezTo>
                <a:cubicBezTo>
                  <a:pt x="900983" y="114632"/>
                  <a:pt x="905243" y="128380"/>
                  <a:pt x="913957" y="138449"/>
                </a:cubicBezTo>
                <a:cubicBezTo>
                  <a:pt x="922671" y="148518"/>
                  <a:pt x="934676" y="153552"/>
                  <a:pt x="950167" y="153552"/>
                </a:cubicBezTo>
                <a:cubicBezTo>
                  <a:pt x="963721" y="153552"/>
                  <a:pt x="973984" y="150648"/>
                  <a:pt x="981342" y="144645"/>
                </a:cubicBezTo>
                <a:cubicBezTo>
                  <a:pt x="988700" y="138836"/>
                  <a:pt x="993154" y="131090"/>
                  <a:pt x="994896" y="121602"/>
                </a:cubicBezTo>
                <a:lnTo>
                  <a:pt x="983085" y="121602"/>
                </a:lnTo>
                <a:close/>
                <a:moveTo>
                  <a:pt x="858771" y="95849"/>
                </a:moveTo>
                <a:cubicBezTo>
                  <a:pt x="858771" y="104369"/>
                  <a:pt x="857416" y="111533"/>
                  <a:pt x="854898" y="117149"/>
                </a:cubicBezTo>
                <a:cubicBezTo>
                  <a:pt x="852381" y="122764"/>
                  <a:pt x="848508" y="127411"/>
                  <a:pt x="843668" y="131090"/>
                </a:cubicBezTo>
                <a:cubicBezTo>
                  <a:pt x="839988" y="133608"/>
                  <a:pt x="836503" y="135350"/>
                  <a:pt x="833405" y="136319"/>
                </a:cubicBezTo>
                <a:cubicBezTo>
                  <a:pt x="830113" y="137287"/>
                  <a:pt x="826240" y="137868"/>
                  <a:pt x="821593" y="137868"/>
                </a:cubicBezTo>
                <a:cubicBezTo>
                  <a:pt x="817333" y="137868"/>
                  <a:pt x="813267" y="137093"/>
                  <a:pt x="809201" y="135544"/>
                </a:cubicBezTo>
                <a:cubicBezTo>
                  <a:pt x="805134" y="133995"/>
                  <a:pt x="801455" y="131478"/>
                  <a:pt x="798163" y="127992"/>
                </a:cubicBezTo>
                <a:cubicBezTo>
                  <a:pt x="794872" y="124507"/>
                  <a:pt x="792354" y="120053"/>
                  <a:pt x="790224" y="114438"/>
                </a:cubicBezTo>
                <a:cubicBezTo>
                  <a:pt x="788094" y="108823"/>
                  <a:pt x="787126" y="102045"/>
                  <a:pt x="787126" y="93913"/>
                </a:cubicBezTo>
                <a:cubicBezTo>
                  <a:pt x="787126" y="85974"/>
                  <a:pt x="788094" y="79003"/>
                  <a:pt x="789837" y="73387"/>
                </a:cubicBezTo>
                <a:cubicBezTo>
                  <a:pt x="791580" y="67772"/>
                  <a:pt x="794097" y="63125"/>
                  <a:pt x="797389" y="59446"/>
                </a:cubicBezTo>
                <a:cubicBezTo>
                  <a:pt x="800681" y="55767"/>
                  <a:pt x="804360" y="53056"/>
                  <a:pt x="808813" y="51507"/>
                </a:cubicBezTo>
                <a:cubicBezTo>
                  <a:pt x="813073" y="49764"/>
                  <a:pt x="817914" y="48990"/>
                  <a:pt x="823142" y="48990"/>
                </a:cubicBezTo>
                <a:cubicBezTo>
                  <a:pt x="827402" y="48990"/>
                  <a:pt x="831081" y="49570"/>
                  <a:pt x="834373" y="50732"/>
                </a:cubicBezTo>
                <a:cubicBezTo>
                  <a:pt x="837665" y="51894"/>
                  <a:pt x="840957" y="53637"/>
                  <a:pt x="844442" y="56154"/>
                </a:cubicBezTo>
                <a:cubicBezTo>
                  <a:pt x="846959" y="58090"/>
                  <a:pt x="849089" y="60220"/>
                  <a:pt x="851026" y="62157"/>
                </a:cubicBezTo>
                <a:cubicBezTo>
                  <a:pt x="852768" y="64287"/>
                  <a:pt x="854317" y="66610"/>
                  <a:pt x="855479" y="69515"/>
                </a:cubicBezTo>
                <a:cubicBezTo>
                  <a:pt x="856641" y="72226"/>
                  <a:pt x="857416" y="75324"/>
                  <a:pt x="857997" y="79003"/>
                </a:cubicBezTo>
                <a:cubicBezTo>
                  <a:pt x="858577" y="82682"/>
                  <a:pt x="858771" y="86748"/>
                  <a:pt x="858771" y="91783"/>
                </a:cubicBezTo>
                <a:lnTo>
                  <a:pt x="858771" y="95849"/>
                </a:lnTo>
                <a:close/>
                <a:moveTo>
                  <a:pt x="778219" y="162072"/>
                </a:moveTo>
                <a:cubicBezTo>
                  <a:pt x="778993" y="167881"/>
                  <a:pt x="780543" y="172722"/>
                  <a:pt x="783060" y="176788"/>
                </a:cubicBezTo>
                <a:cubicBezTo>
                  <a:pt x="785577" y="180855"/>
                  <a:pt x="788869" y="183953"/>
                  <a:pt x="792935" y="186470"/>
                </a:cubicBezTo>
                <a:cubicBezTo>
                  <a:pt x="797002" y="188987"/>
                  <a:pt x="801649" y="190730"/>
                  <a:pt x="806877" y="191892"/>
                </a:cubicBezTo>
                <a:cubicBezTo>
                  <a:pt x="812105" y="193054"/>
                  <a:pt x="817914" y="193634"/>
                  <a:pt x="824110" y="193634"/>
                </a:cubicBezTo>
                <a:cubicBezTo>
                  <a:pt x="840182" y="193634"/>
                  <a:pt x="851994" y="189374"/>
                  <a:pt x="859546" y="181048"/>
                </a:cubicBezTo>
                <a:cubicBezTo>
                  <a:pt x="867097" y="172722"/>
                  <a:pt x="870776" y="161104"/>
                  <a:pt x="870776" y="146581"/>
                </a:cubicBezTo>
                <a:lnTo>
                  <a:pt x="870776" y="41825"/>
                </a:lnTo>
                <a:lnTo>
                  <a:pt x="858577" y="41825"/>
                </a:lnTo>
                <a:lnTo>
                  <a:pt x="858577" y="56735"/>
                </a:lnTo>
                <a:cubicBezTo>
                  <a:pt x="853349" y="49764"/>
                  <a:pt x="847734" y="45117"/>
                  <a:pt x="841538" y="42600"/>
                </a:cubicBezTo>
                <a:cubicBezTo>
                  <a:pt x="835341" y="40082"/>
                  <a:pt x="829339" y="38727"/>
                  <a:pt x="823142" y="38727"/>
                </a:cubicBezTo>
                <a:cubicBezTo>
                  <a:pt x="815590" y="38727"/>
                  <a:pt x="808813" y="40082"/>
                  <a:pt x="802617" y="42793"/>
                </a:cubicBezTo>
                <a:cubicBezTo>
                  <a:pt x="796614" y="45504"/>
                  <a:pt x="791386" y="49183"/>
                  <a:pt x="787320" y="54024"/>
                </a:cubicBezTo>
                <a:cubicBezTo>
                  <a:pt x="783060" y="58865"/>
                  <a:pt x="779962" y="64674"/>
                  <a:pt x="777638" y="71645"/>
                </a:cubicBezTo>
                <a:cubicBezTo>
                  <a:pt x="775314" y="78616"/>
                  <a:pt x="774346" y="86167"/>
                  <a:pt x="774346" y="94687"/>
                </a:cubicBezTo>
                <a:cubicBezTo>
                  <a:pt x="774346" y="101658"/>
                  <a:pt x="775314" y="108435"/>
                  <a:pt x="777057" y="115019"/>
                </a:cubicBezTo>
                <a:cubicBezTo>
                  <a:pt x="778800" y="121602"/>
                  <a:pt x="781704" y="127411"/>
                  <a:pt x="785383" y="132446"/>
                </a:cubicBezTo>
                <a:cubicBezTo>
                  <a:pt x="789256" y="137480"/>
                  <a:pt x="794097" y="141547"/>
                  <a:pt x="799906" y="144645"/>
                </a:cubicBezTo>
                <a:cubicBezTo>
                  <a:pt x="805715" y="147743"/>
                  <a:pt x="812686" y="149098"/>
                  <a:pt x="820819" y="149098"/>
                </a:cubicBezTo>
                <a:cubicBezTo>
                  <a:pt x="829145" y="149098"/>
                  <a:pt x="836503" y="147356"/>
                  <a:pt x="842699" y="143870"/>
                </a:cubicBezTo>
                <a:cubicBezTo>
                  <a:pt x="848702" y="140385"/>
                  <a:pt x="854124" y="135544"/>
                  <a:pt x="858577" y="129154"/>
                </a:cubicBezTo>
                <a:lnTo>
                  <a:pt x="858577" y="145419"/>
                </a:lnTo>
                <a:cubicBezTo>
                  <a:pt x="858577" y="159167"/>
                  <a:pt x="855867" y="169043"/>
                  <a:pt x="850251" y="174852"/>
                </a:cubicBezTo>
                <a:cubicBezTo>
                  <a:pt x="844636" y="180661"/>
                  <a:pt x="835922" y="183565"/>
                  <a:pt x="823917" y="183565"/>
                </a:cubicBezTo>
                <a:cubicBezTo>
                  <a:pt x="813267" y="183565"/>
                  <a:pt x="805328" y="181823"/>
                  <a:pt x="800100" y="178337"/>
                </a:cubicBezTo>
                <a:cubicBezTo>
                  <a:pt x="794872" y="174852"/>
                  <a:pt x="791580" y="169624"/>
                  <a:pt x="790031" y="162459"/>
                </a:cubicBezTo>
                <a:lnTo>
                  <a:pt x="778219" y="162459"/>
                </a:lnTo>
                <a:close/>
                <a:moveTo>
                  <a:pt x="705799" y="150260"/>
                </a:moveTo>
                <a:lnTo>
                  <a:pt x="717998" y="150260"/>
                </a:lnTo>
                <a:lnTo>
                  <a:pt x="717998" y="85006"/>
                </a:lnTo>
                <a:cubicBezTo>
                  <a:pt x="717998" y="79584"/>
                  <a:pt x="718967" y="74743"/>
                  <a:pt x="721097" y="70870"/>
                </a:cubicBezTo>
                <a:cubicBezTo>
                  <a:pt x="723227" y="66804"/>
                  <a:pt x="725937" y="63512"/>
                  <a:pt x="729036" y="60608"/>
                </a:cubicBezTo>
                <a:cubicBezTo>
                  <a:pt x="732327" y="57316"/>
                  <a:pt x="736007" y="55186"/>
                  <a:pt x="739686" y="53830"/>
                </a:cubicBezTo>
                <a:cubicBezTo>
                  <a:pt x="743558" y="52475"/>
                  <a:pt x="747237" y="51894"/>
                  <a:pt x="750916" y="51894"/>
                </a:cubicBezTo>
                <a:cubicBezTo>
                  <a:pt x="753046" y="51894"/>
                  <a:pt x="755370" y="52088"/>
                  <a:pt x="757887" y="52475"/>
                </a:cubicBezTo>
                <a:lnTo>
                  <a:pt x="759436" y="40857"/>
                </a:lnTo>
                <a:cubicBezTo>
                  <a:pt x="757887" y="40663"/>
                  <a:pt x="756532" y="40470"/>
                  <a:pt x="755176" y="40276"/>
                </a:cubicBezTo>
                <a:cubicBezTo>
                  <a:pt x="753821" y="40276"/>
                  <a:pt x="752465" y="40082"/>
                  <a:pt x="750916" y="40082"/>
                </a:cubicBezTo>
                <a:cubicBezTo>
                  <a:pt x="744526" y="40082"/>
                  <a:pt x="738717" y="41825"/>
                  <a:pt x="733102" y="45117"/>
                </a:cubicBezTo>
                <a:cubicBezTo>
                  <a:pt x="727487" y="48409"/>
                  <a:pt x="722452" y="53249"/>
                  <a:pt x="718192" y="59446"/>
                </a:cubicBezTo>
                <a:lnTo>
                  <a:pt x="718192" y="41825"/>
                </a:lnTo>
                <a:lnTo>
                  <a:pt x="705993" y="41825"/>
                </a:lnTo>
                <a:lnTo>
                  <a:pt x="705993" y="150260"/>
                </a:lnTo>
                <a:close/>
                <a:moveTo>
                  <a:pt x="585358" y="114051"/>
                </a:moveTo>
                <a:cubicBezTo>
                  <a:pt x="585358" y="127024"/>
                  <a:pt x="588069" y="136706"/>
                  <a:pt x="593298" y="143483"/>
                </a:cubicBezTo>
                <a:cubicBezTo>
                  <a:pt x="598719" y="150260"/>
                  <a:pt x="607433" y="153552"/>
                  <a:pt x="619826" y="153552"/>
                </a:cubicBezTo>
                <a:cubicBezTo>
                  <a:pt x="634735" y="153552"/>
                  <a:pt x="647903" y="146581"/>
                  <a:pt x="659133" y="132446"/>
                </a:cubicBezTo>
                <a:lnTo>
                  <a:pt x="659133" y="150067"/>
                </a:lnTo>
                <a:lnTo>
                  <a:pt x="671332" y="150067"/>
                </a:lnTo>
                <a:lnTo>
                  <a:pt x="671332" y="41631"/>
                </a:lnTo>
                <a:lnTo>
                  <a:pt x="659133" y="41631"/>
                </a:lnTo>
                <a:lnTo>
                  <a:pt x="659133" y="105143"/>
                </a:lnTo>
                <a:cubicBezTo>
                  <a:pt x="659133" y="111921"/>
                  <a:pt x="658165" y="117149"/>
                  <a:pt x="656035" y="121021"/>
                </a:cubicBezTo>
                <a:cubicBezTo>
                  <a:pt x="653905" y="124894"/>
                  <a:pt x="650807" y="128573"/>
                  <a:pt x="646741" y="132252"/>
                </a:cubicBezTo>
                <a:cubicBezTo>
                  <a:pt x="642868" y="135544"/>
                  <a:pt x="638608" y="138061"/>
                  <a:pt x="634348" y="139804"/>
                </a:cubicBezTo>
                <a:cubicBezTo>
                  <a:pt x="630088" y="141547"/>
                  <a:pt x="625635" y="142321"/>
                  <a:pt x="621375" y="142321"/>
                </a:cubicBezTo>
                <a:cubicBezTo>
                  <a:pt x="612661" y="142321"/>
                  <a:pt x="606465" y="139804"/>
                  <a:pt x="602979" y="134770"/>
                </a:cubicBezTo>
                <a:cubicBezTo>
                  <a:pt x="599300" y="129735"/>
                  <a:pt x="597558" y="121602"/>
                  <a:pt x="597558" y="110178"/>
                </a:cubicBezTo>
                <a:lnTo>
                  <a:pt x="597558" y="41825"/>
                </a:lnTo>
                <a:lnTo>
                  <a:pt x="585358" y="41825"/>
                </a:lnTo>
                <a:lnTo>
                  <a:pt x="585358" y="114051"/>
                </a:lnTo>
                <a:close/>
                <a:moveTo>
                  <a:pt x="470920" y="91008"/>
                </a:moveTo>
                <a:cubicBezTo>
                  <a:pt x="470920" y="82488"/>
                  <a:pt x="472276" y="75324"/>
                  <a:pt x="474987" y="69902"/>
                </a:cubicBezTo>
                <a:cubicBezTo>
                  <a:pt x="477697" y="64287"/>
                  <a:pt x="481570" y="59833"/>
                  <a:pt x="486411" y="56154"/>
                </a:cubicBezTo>
                <a:cubicBezTo>
                  <a:pt x="489896" y="53443"/>
                  <a:pt x="493382" y="51700"/>
                  <a:pt x="496867" y="50732"/>
                </a:cubicBezTo>
                <a:cubicBezTo>
                  <a:pt x="500353" y="49764"/>
                  <a:pt x="504225" y="49183"/>
                  <a:pt x="508679" y="49183"/>
                </a:cubicBezTo>
                <a:cubicBezTo>
                  <a:pt x="512552" y="49183"/>
                  <a:pt x="516618" y="49958"/>
                  <a:pt x="520684" y="51313"/>
                </a:cubicBezTo>
                <a:cubicBezTo>
                  <a:pt x="524751" y="52862"/>
                  <a:pt x="528430" y="55379"/>
                  <a:pt x="531722" y="58865"/>
                </a:cubicBezTo>
                <a:cubicBezTo>
                  <a:pt x="535013" y="62350"/>
                  <a:pt x="537531" y="67191"/>
                  <a:pt x="539661" y="73000"/>
                </a:cubicBezTo>
                <a:cubicBezTo>
                  <a:pt x="541791" y="78809"/>
                  <a:pt x="542759" y="86167"/>
                  <a:pt x="542759" y="95074"/>
                </a:cubicBezTo>
                <a:cubicBezTo>
                  <a:pt x="542759" y="103788"/>
                  <a:pt x="541791" y="111146"/>
                  <a:pt x="540048" y="117342"/>
                </a:cubicBezTo>
                <a:cubicBezTo>
                  <a:pt x="538305" y="123539"/>
                  <a:pt x="535788" y="128380"/>
                  <a:pt x="532496" y="132252"/>
                </a:cubicBezTo>
                <a:cubicBezTo>
                  <a:pt x="529398" y="136125"/>
                  <a:pt x="525525" y="138836"/>
                  <a:pt x="521265" y="140579"/>
                </a:cubicBezTo>
                <a:cubicBezTo>
                  <a:pt x="517005" y="142321"/>
                  <a:pt x="512164" y="143289"/>
                  <a:pt x="506936" y="143289"/>
                </a:cubicBezTo>
                <a:cubicBezTo>
                  <a:pt x="502676" y="143289"/>
                  <a:pt x="498804" y="142709"/>
                  <a:pt x="495318" y="141547"/>
                </a:cubicBezTo>
                <a:cubicBezTo>
                  <a:pt x="492026" y="140385"/>
                  <a:pt x="488735" y="138642"/>
                  <a:pt x="485443" y="136125"/>
                </a:cubicBezTo>
                <a:cubicBezTo>
                  <a:pt x="482732" y="134382"/>
                  <a:pt x="480602" y="132252"/>
                  <a:pt x="478666" y="130122"/>
                </a:cubicBezTo>
                <a:cubicBezTo>
                  <a:pt x="476923" y="127992"/>
                  <a:pt x="475374" y="125475"/>
                  <a:pt x="474212" y="122571"/>
                </a:cubicBezTo>
                <a:cubicBezTo>
                  <a:pt x="473050" y="119860"/>
                  <a:pt x="472276" y="116568"/>
                  <a:pt x="471695" y="113082"/>
                </a:cubicBezTo>
                <a:cubicBezTo>
                  <a:pt x="471114" y="109403"/>
                  <a:pt x="470920" y="105337"/>
                  <a:pt x="470920" y="100496"/>
                </a:cubicBezTo>
                <a:lnTo>
                  <a:pt x="470920" y="91008"/>
                </a:lnTo>
                <a:close/>
                <a:moveTo>
                  <a:pt x="459109" y="150260"/>
                </a:moveTo>
                <a:lnTo>
                  <a:pt x="471307" y="150260"/>
                </a:lnTo>
                <a:lnTo>
                  <a:pt x="471307" y="135544"/>
                </a:lnTo>
                <a:cubicBezTo>
                  <a:pt x="476342" y="142321"/>
                  <a:pt x="481957" y="146969"/>
                  <a:pt x="487960" y="149679"/>
                </a:cubicBezTo>
                <a:cubicBezTo>
                  <a:pt x="494156" y="152390"/>
                  <a:pt x="500353" y="153746"/>
                  <a:pt x="506936" y="153746"/>
                </a:cubicBezTo>
                <a:cubicBezTo>
                  <a:pt x="514294" y="153746"/>
                  <a:pt x="521072" y="152390"/>
                  <a:pt x="527074" y="149679"/>
                </a:cubicBezTo>
                <a:cubicBezTo>
                  <a:pt x="533077" y="146969"/>
                  <a:pt x="538112" y="143096"/>
                  <a:pt x="542372" y="138061"/>
                </a:cubicBezTo>
                <a:cubicBezTo>
                  <a:pt x="546631" y="133027"/>
                  <a:pt x="549923" y="126831"/>
                  <a:pt x="552247" y="119666"/>
                </a:cubicBezTo>
                <a:cubicBezTo>
                  <a:pt x="554571" y="112502"/>
                  <a:pt x="555732" y="104175"/>
                  <a:pt x="555732" y="94881"/>
                </a:cubicBezTo>
                <a:cubicBezTo>
                  <a:pt x="555732" y="86942"/>
                  <a:pt x="554764" y="79390"/>
                  <a:pt x="552828" y="72613"/>
                </a:cubicBezTo>
                <a:cubicBezTo>
                  <a:pt x="550891" y="65642"/>
                  <a:pt x="547987" y="59833"/>
                  <a:pt x="544114" y="54799"/>
                </a:cubicBezTo>
                <a:cubicBezTo>
                  <a:pt x="540242" y="49764"/>
                  <a:pt x="535401" y="45698"/>
                  <a:pt x="529398" y="42987"/>
                </a:cubicBezTo>
                <a:cubicBezTo>
                  <a:pt x="523589" y="40082"/>
                  <a:pt x="516618" y="38727"/>
                  <a:pt x="508679" y="38727"/>
                </a:cubicBezTo>
                <a:cubicBezTo>
                  <a:pt x="500353" y="38727"/>
                  <a:pt x="493188" y="40470"/>
                  <a:pt x="487186" y="43955"/>
                </a:cubicBezTo>
                <a:cubicBezTo>
                  <a:pt x="481377" y="47440"/>
                  <a:pt x="475955" y="52281"/>
                  <a:pt x="470920" y="58284"/>
                </a:cubicBezTo>
                <a:lnTo>
                  <a:pt x="470920" y="194"/>
                </a:lnTo>
                <a:lnTo>
                  <a:pt x="458721" y="194"/>
                </a:lnTo>
                <a:lnTo>
                  <a:pt x="458721" y="150260"/>
                </a:lnTo>
                <a:close/>
                <a:moveTo>
                  <a:pt x="274768" y="150260"/>
                </a:moveTo>
                <a:lnTo>
                  <a:pt x="286967" y="150260"/>
                </a:lnTo>
                <a:lnTo>
                  <a:pt x="286967" y="86167"/>
                </a:lnTo>
                <a:cubicBezTo>
                  <a:pt x="286967" y="82488"/>
                  <a:pt x="287354" y="79196"/>
                  <a:pt x="288129" y="76486"/>
                </a:cubicBezTo>
                <a:cubicBezTo>
                  <a:pt x="288903" y="73775"/>
                  <a:pt x="289872" y="71257"/>
                  <a:pt x="291033" y="69127"/>
                </a:cubicBezTo>
                <a:cubicBezTo>
                  <a:pt x="292195" y="66998"/>
                  <a:pt x="293551" y="65255"/>
                  <a:pt x="294906" y="63706"/>
                </a:cubicBezTo>
                <a:cubicBezTo>
                  <a:pt x="296455" y="62157"/>
                  <a:pt x="297811" y="60801"/>
                  <a:pt x="298972" y="59639"/>
                </a:cubicBezTo>
                <a:cubicBezTo>
                  <a:pt x="302651" y="56348"/>
                  <a:pt x="306331" y="53830"/>
                  <a:pt x="310010" y="52088"/>
                </a:cubicBezTo>
                <a:cubicBezTo>
                  <a:pt x="313689" y="50345"/>
                  <a:pt x="317755" y="49377"/>
                  <a:pt x="321821" y="49377"/>
                </a:cubicBezTo>
                <a:cubicBezTo>
                  <a:pt x="329179" y="49377"/>
                  <a:pt x="334795" y="51507"/>
                  <a:pt x="338474" y="55960"/>
                </a:cubicBezTo>
                <a:cubicBezTo>
                  <a:pt x="342153" y="60414"/>
                  <a:pt x="343896" y="67772"/>
                  <a:pt x="343896" y="78422"/>
                </a:cubicBezTo>
                <a:lnTo>
                  <a:pt x="343896" y="150260"/>
                </a:lnTo>
                <a:lnTo>
                  <a:pt x="356095" y="150260"/>
                </a:lnTo>
                <a:lnTo>
                  <a:pt x="356095" y="80939"/>
                </a:lnTo>
                <a:cubicBezTo>
                  <a:pt x="356095" y="75905"/>
                  <a:pt x="357257" y="71451"/>
                  <a:pt x="359387" y="67578"/>
                </a:cubicBezTo>
                <a:cubicBezTo>
                  <a:pt x="361516" y="63706"/>
                  <a:pt x="364421" y="60608"/>
                  <a:pt x="367713" y="57897"/>
                </a:cubicBezTo>
                <a:cubicBezTo>
                  <a:pt x="371585" y="54605"/>
                  <a:pt x="375458" y="52475"/>
                  <a:pt x="379525" y="51313"/>
                </a:cubicBezTo>
                <a:cubicBezTo>
                  <a:pt x="383591" y="50151"/>
                  <a:pt x="387270" y="49570"/>
                  <a:pt x="390562" y="49570"/>
                </a:cubicBezTo>
                <a:cubicBezTo>
                  <a:pt x="394434" y="49570"/>
                  <a:pt x="397726" y="49958"/>
                  <a:pt x="400437" y="50926"/>
                </a:cubicBezTo>
                <a:cubicBezTo>
                  <a:pt x="403148" y="51894"/>
                  <a:pt x="405665" y="53443"/>
                  <a:pt x="407408" y="55573"/>
                </a:cubicBezTo>
                <a:cubicBezTo>
                  <a:pt x="409344" y="57897"/>
                  <a:pt x="410700" y="60801"/>
                  <a:pt x="411668" y="64480"/>
                </a:cubicBezTo>
                <a:cubicBezTo>
                  <a:pt x="412636" y="68159"/>
                  <a:pt x="413023" y="72807"/>
                  <a:pt x="413023" y="78422"/>
                </a:cubicBezTo>
                <a:lnTo>
                  <a:pt x="413023" y="150454"/>
                </a:lnTo>
                <a:lnTo>
                  <a:pt x="425222" y="150454"/>
                </a:lnTo>
                <a:lnTo>
                  <a:pt x="425222" y="73968"/>
                </a:lnTo>
                <a:cubicBezTo>
                  <a:pt x="425222" y="61576"/>
                  <a:pt x="422318" y="52669"/>
                  <a:pt x="416315" y="47053"/>
                </a:cubicBezTo>
                <a:cubicBezTo>
                  <a:pt x="410506" y="41438"/>
                  <a:pt x="402180" y="38533"/>
                  <a:pt x="391917" y="38533"/>
                </a:cubicBezTo>
                <a:cubicBezTo>
                  <a:pt x="384365" y="38533"/>
                  <a:pt x="377201" y="40470"/>
                  <a:pt x="370617" y="44149"/>
                </a:cubicBezTo>
                <a:cubicBezTo>
                  <a:pt x="364034" y="47828"/>
                  <a:pt x="358225" y="53056"/>
                  <a:pt x="353384" y="59833"/>
                </a:cubicBezTo>
                <a:cubicBezTo>
                  <a:pt x="351060" y="53056"/>
                  <a:pt x="347381" y="47828"/>
                  <a:pt x="342347" y="44149"/>
                </a:cubicBezTo>
                <a:cubicBezTo>
                  <a:pt x="337312" y="40470"/>
                  <a:pt x="330729" y="38533"/>
                  <a:pt x="322402" y="38533"/>
                </a:cubicBezTo>
                <a:cubicBezTo>
                  <a:pt x="316012" y="38533"/>
                  <a:pt x="309816" y="40276"/>
                  <a:pt x="303813" y="43761"/>
                </a:cubicBezTo>
                <a:cubicBezTo>
                  <a:pt x="297617" y="47247"/>
                  <a:pt x="292002" y="52669"/>
                  <a:pt x="286580" y="59833"/>
                </a:cubicBezTo>
                <a:lnTo>
                  <a:pt x="286580" y="42019"/>
                </a:lnTo>
                <a:lnTo>
                  <a:pt x="274381" y="42019"/>
                </a:lnTo>
                <a:lnTo>
                  <a:pt x="274381" y="150260"/>
                </a:lnTo>
                <a:close/>
                <a:moveTo>
                  <a:pt x="214935" y="149679"/>
                </a:moveTo>
                <a:cubicBezTo>
                  <a:pt x="221325" y="146969"/>
                  <a:pt x="226747" y="143096"/>
                  <a:pt x="231200" y="137868"/>
                </a:cubicBezTo>
                <a:cubicBezTo>
                  <a:pt x="235654" y="132833"/>
                  <a:pt x="238946" y="126637"/>
                  <a:pt x="241463" y="119472"/>
                </a:cubicBezTo>
                <a:cubicBezTo>
                  <a:pt x="243786" y="112308"/>
                  <a:pt x="245142" y="104369"/>
                  <a:pt x="245142" y="95462"/>
                </a:cubicBezTo>
                <a:cubicBezTo>
                  <a:pt x="245142" y="86942"/>
                  <a:pt x="243980" y="79196"/>
                  <a:pt x="241656" y="72032"/>
                </a:cubicBezTo>
                <a:cubicBezTo>
                  <a:pt x="239333" y="65061"/>
                  <a:pt x="236041" y="59058"/>
                  <a:pt x="231587" y="54024"/>
                </a:cubicBezTo>
                <a:cubicBezTo>
                  <a:pt x="227327" y="48990"/>
                  <a:pt x="221906" y="45310"/>
                  <a:pt x="215516" y="42600"/>
                </a:cubicBezTo>
                <a:cubicBezTo>
                  <a:pt x="209126" y="39889"/>
                  <a:pt x="202155" y="38533"/>
                  <a:pt x="194216" y="38533"/>
                </a:cubicBezTo>
                <a:cubicBezTo>
                  <a:pt x="186277" y="38533"/>
                  <a:pt x="179306" y="39889"/>
                  <a:pt x="172916" y="42600"/>
                </a:cubicBezTo>
                <a:cubicBezTo>
                  <a:pt x="166526" y="45310"/>
                  <a:pt x="161298" y="49183"/>
                  <a:pt x="156844" y="54218"/>
                </a:cubicBezTo>
                <a:cubicBezTo>
                  <a:pt x="152391" y="59252"/>
                  <a:pt x="148905" y="65448"/>
                  <a:pt x="146582" y="72613"/>
                </a:cubicBezTo>
                <a:cubicBezTo>
                  <a:pt x="144064" y="79777"/>
                  <a:pt x="142903" y="87716"/>
                  <a:pt x="142903" y="96624"/>
                </a:cubicBezTo>
                <a:cubicBezTo>
                  <a:pt x="142903" y="105337"/>
                  <a:pt x="144064" y="113276"/>
                  <a:pt x="146388" y="120247"/>
                </a:cubicBezTo>
                <a:cubicBezTo>
                  <a:pt x="148712" y="127218"/>
                  <a:pt x="152003" y="133220"/>
                  <a:pt x="156263" y="138255"/>
                </a:cubicBezTo>
                <a:cubicBezTo>
                  <a:pt x="160523" y="143289"/>
                  <a:pt x="165752" y="147162"/>
                  <a:pt x="171948" y="149679"/>
                </a:cubicBezTo>
                <a:cubicBezTo>
                  <a:pt x="178144" y="152390"/>
                  <a:pt x="185309" y="153746"/>
                  <a:pt x="193248" y="153746"/>
                </a:cubicBezTo>
                <a:cubicBezTo>
                  <a:pt x="201380" y="153746"/>
                  <a:pt x="208545" y="152390"/>
                  <a:pt x="214935" y="149679"/>
                </a:cubicBezTo>
                <a:moveTo>
                  <a:pt x="176401" y="139417"/>
                </a:moveTo>
                <a:cubicBezTo>
                  <a:pt x="171561" y="136900"/>
                  <a:pt x="167688" y="133608"/>
                  <a:pt x="164590" y="129348"/>
                </a:cubicBezTo>
                <a:cubicBezTo>
                  <a:pt x="161492" y="125088"/>
                  <a:pt x="159362" y="120247"/>
                  <a:pt x="158006" y="114438"/>
                </a:cubicBezTo>
                <a:cubicBezTo>
                  <a:pt x="156651" y="108629"/>
                  <a:pt x="155876" y="102433"/>
                  <a:pt x="155876" y="95849"/>
                </a:cubicBezTo>
                <a:cubicBezTo>
                  <a:pt x="155876" y="89265"/>
                  <a:pt x="156651" y="83069"/>
                  <a:pt x="158006" y="77454"/>
                </a:cubicBezTo>
                <a:cubicBezTo>
                  <a:pt x="159362" y="71838"/>
                  <a:pt x="161685" y="66804"/>
                  <a:pt x="164590" y="62544"/>
                </a:cubicBezTo>
                <a:cubicBezTo>
                  <a:pt x="167688" y="58284"/>
                  <a:pt x="171561" y="54992"/>
                  <a:pt x="176401" y="52475"/>
                </a:cubicBezTo>
                <a:cubicBezTo>
                  <a:pt x="181242" y="49958"/>
                  <a:pt x="187051" y="48796"/>
                  <a:pt x="193829" y="48796"/>
                </a:cubicBezTo>
                <a:cubicBezTo>
                  <a:pt x="200799" y="48796"/>
                  <a:pt x="206609" y="49958"/>
                  <a:pt x="211256" y="52475"/>
                </a:cubicBezTo>
                <a:cubicBezTo>
                  <a:pt x="216097" y="54992"/>
                  <a:pt x="219969" y="58284"/>
                  <a:pt x="223067" y="62544"/>
                </a:cubicBezTo>
                <a:cubicBezTo>
                  <a:pt x="226166" y="66804"/>
                  <a:pt x="228296" y="71645"/>
                  <a:pt x="229845" y="77454"/>
                </a:cubicBezTo>
                <a:cubicBezTo>
                  <a:pt x="231200" y="83069"/>
                  <a:pt x="231975" y="89265"/>
                  <a:pt x="231975" y="95655"/>
                </a:cubicBezTo>
                <a:cubicBezTo>
                  <a:pt x="231975" y="102433"/>
                  <a:pt x="231200" y="108629"/>
                  <a:pt x="229845" y="114438"/>
                </a:cubicBezTo>
                <a:cubicBezTo>
                  <a:pt x="228489" y="120247"/>
                  <a:pt x="226166" y="125088"/>
                  <a:pt x="223067" y="129348"/>
                </a:cubicBezTo>
                <a:cubicBezTo>
                  <a:pt x="219969" y="133608"/>
                  <a:pt x="216097" y="136900"/>
                  <a:pt x="211256" y="139417"/>
                </a:cubicBezTo>
                <a:cubicBezTo>
                  <a:pt x="206415" y="141934"/>
                  <a:pt x="200606" y="143096"/>
                  <a:pt x="193829" y="143096"/>
                </a:cubicBezTo>
                <a:cubicBezTo>
                  <a:pt x="187051" y="143096"/>
                  <a:pt x="181242" y="141934"/>
                  <a:pt x="176401" y="139417"/>
                </a:cubicBezTo>
                <a:moveTo>
                  <a:pt x="0" y="150260"/>
                </a:moveTo>
                <a:lnTo>
                  <a:pt x="12780" y="150260"/>
                </a:lnTo>
                <a:lnTo>
                  <a:pt x="12780" y="78616"/>
                </a:lnTo>
                <a:lnTo>
                  <a:pt x="97592" y="78616"/>
                </a:lnTo>
                <a:lnTo>
                  <a:pt x="97592" y="150454"/>
                </a:lnTo>
                <a:lnTo>
                  <a:pt x="110372" y="150454"/>
                </a:lnTo>
                <a:lnTo>
                  <a:pt x="110372" y="0"/>
                </a:lnTo>
                <a:lnTo>
                  <a:pt x="97592" y="0"/>
                </a:lnTo>
                <a:lnTo>
                  <a:pt x="97592" y="66610"/>
                </a:lnTo>
                <a:lnTo>
                  <a:pt x="12780" y="66610"/>
                </a:lnTo>
                <a:lnTo>
                  <a:pt x="12780" y="0"/>
                </a:lnTo>
                <a:lnTo>
                  <a:pt x="0" y="0"/>
                </a:lnTo>
                <a:lnTo>
                  <a:pt x="0" y="150260"/>
                </a:lnTo>
                <a:close/>
              </a:path>
            </a:pathLst>
          </a:custGeom>
          <a:solidFill>
            <a:schemeClr val="tx2"/>
          </a:solidFill>
          <a:ln w="1921" cap="flat">
            <a:noFill/>
            <a:prstDash val="solid"/>
            <a:miter/>
          </a:ln>
        </p:spPr>
        <p:txBody>
          <a:bodyPr rtlCol="0" anchor="ctr"/>
          <a:lstStyle/>
          <a:p>
            <a:endParaRPr lang="fr-CH" dirty="0"/>
          </a:p>
        </p:txBody>
      </p:sp>
      <p:sp>
        <p:nvSpPr>
          <p:cNvPr id="10" name="Textplatzhalter 16">
            <a:extLst>
              <a:ext uri="{FF2B5EF4-FFF2-40B4-BE49-F238E27FC236}">
                <a16:creationId xmlns:a16="http://schemas.microsoft.com/office/drawing/2014/main" id="{CDA12B2F-5365-48FC-BC2D-D0EFA0E2C674}"/>
              </a:ext>
            </a:extLst>
          </p:cNvPr>
          <p:cNvSpPr>
            <a:spLocks noGrp="1"/>
          </p:cNvSpPr>
          <p:nvPr>
            <p:ph type="body" sz="quarter" idx="21" hasCustomPrompt="1"/>
          </p:nvPr>
        </p:nvSpPr>
        <p:spPr>
          <a:xfrm>
            <a:off x="334963" y="5954042"/>
            <a:ext cx="5761038" cy="184666"/>
          </a:xfrm>
          <a:prstGeom prst="rect">
            <a:avLst/>
          </a:prstGeom>
        </p:spPr>
        <p:txBody>
          <a:bodyPr anchor="t" anchorCtr="0">
            <a:noAutofit/>
          </a:bodyPr>
          <a:lstStyle>
            <a:lvl1pPr marL="0" indent="0">
              <a:lnSpc>
                <a:spcPct val="100000"/>
              </a:lnSpc>
              <a:spcBef>
                <a:spcPts val="0"/>
              </a:spcBef>
              <a:spcAft>
                <a:spcPts val="0"/>
              </a:spcAft>
              <a:buFontTx/>
              <a:buNone/>
              <a:defRPr sz="1200" b="0">
                <a:solidFill>
                  <a:srgbClr val="969696"/>
                </a:solidFill>
              </a:defRPr>
            </a:lvl1pPr>
          </a:lstStyle>
          <a:p>
            <a:pPr lvl="0"/>
            <a:r>
              <a:rPr lang="fr-CH" dirty="0" err="1"/>
              <a:t>Autor</a:t>
            </a:r>
            <a:endParaRPr lang="fr-CH" dirty="0"/>
          </a:p>
        </p:txBody>
      </p:sp>
      <p:sp>
        <p:nvSpPr>
          <p:cNvPr id="9" name="Datumsplatzhalter 4">
            <a:extLst>
              <a:ext uri="{FF2B5EF4-FFF2-40B4-BE49-F238E27FC236}">
                <a16:creationId xmlns:a16="http://schemas.microsoft.com/office/drawing/2014/main" id="{C4412246-C3A9-AC42-E474-8A5E3C692665}"/>
              </a:ext>
            </a:extLst>
          </p:cNvPr>
          <p:cNvSpPr txBox="1">
            <a:spLocks/>
          </p:cNvSpPr>
          <p:nvPr userDrawn="1"/>
        </p:nvSpPr>
        <p:spPr>
          <a:xfrm>
            <a:off x="0"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5" name="Date dynamic" descr="{&quot;templafy&quot;:{&quot;id&quot;:&quot;75613ba2-91d0-49c1-9b98-76d1421e304a&quot;}}">
            <a:extLst>
              <a:ext uri="{FF2B5EF4-FFF2-40B4-BE49-F238E27FC236}">
                <a16:creationId xmlns:a16="http://schemas.microsoft.com/office/drawing/2014/main" id="{A344B294-AC22-C752-E41C-653CF328F196}"/>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rgbClr val="969696"/>
                </a:solidFill>
                <a:latin typeface="+mn-lt"/>
                <a:ea typeface="+mn-ea"/>
                <a:cs typeface="+mn-cs"/>
              </a:rPr>
              <a:t>17 novembre 2023</a:t>
            </a:r>
          </a:p>
        </p:txBody>
      </p:sp>
      <p:sp>
        <p:nvSpPr>
          <p:cNvPr id="4" name="Confidentiality dynamic" descr="{&quot;templafy&quot;:{&quot;id&quot;:&quot;aef77ae0-fa0e-4bf6-a265-1b5f88fe2b83&quot;}}">
            <a:extLst>
              <a:ext uri="{FF2B5EF4-FFF2-40B4-BE49-F238E27FC236}">
                <a16:creationId xmlns:a16="http://schemas.microsoft.com/office/drawing/2014/main" id="{C63DDE86-FF37-7BB7-B9EC-428F892DC503}"/>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rgbClr val="969696"/>
              </a:solidFill>
              <a:latin typeface="+mn-lt"/>
              <a:ea typeface="+mn-ea"/>
              <a:cs typeface="+mn-cs"/>
            </a:endParaRPr>
          </a:p>
        </p:txBody>
      </p:sp>
    </p:spTree>
    <p:extLst>
      <p:ext uri="{BB962C8B-B14F-4D97-AF65-F5344CB8AC3E}">
        <p14:creationId xmlns:p14="http://schemas.microsoft.com/office/powerpoint/2010/main" val="627989834"/>
      </p:ext>
    </p:extLst>
  </p:cSld>
  <p:clrMapOvr>
    <a:masterClrMapping/>
  </p:clrMapOvr>
  <p:hf hdr="0"/>
</p:sldLayout>
</file>

<file path=ppt/slideLayouts/slideLayout10.xml><?xml version="1.0" encoding="utf-8"?>
<p:sldLayout xmlns:a="http://schemas.openxmlformats.org/drawingml/2006/main" xmlns:r="http://schemas.openxmlformats.org/officeDocument/2006/relationships" xmlns:p="http://schemas.openxmlformats.org/presentationml/2006/main" matchingName="Kernaussage und 4 Textboxen grau" preserve="1" userDrawn="1">
  <p:cSld name="Kernaussage und 4 Textboxen grau">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109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3" y="222798"/>
            <a:ext cx="9361488"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3" y="1916112"/>
            <a:ext cx="3600797" cy="4033837"/>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934CC874-8A4D-4D34-997E-5FD2AC5F2953}"/>
              </a:ext>
            </a:extLst>
          </p:cNvPr>
          <p:cNvSpPr>
            <a:spLocks noGrp="1"/>
          </p:cNvSpPr>
          <p:nvPr>
            <p:ph type="sldNum" sz="quarter" idx="15"/>
          </p:nvPr>
        </p:nvSpPr>
        <p:spPr/>
        <p:txBody>
          <a:bodyPr/>
          <a:lstStyle/>
          <a:p>
            <a:fld id="{D2478AA3-FAE4-4D94-BBD6-DEDC36AA8615}" type="slidenum">
              <a:rPr lang="fr-CH" smtClean="0"/>
              <a:pPr/>
              <a:t>‹N°›</a:t>
            </a:fld>
            <a:endParaRPr lang="fr-CH" dirty="0"/>
          </a:p>
        </p:txBody>
      </p:sp>
      <p:sp>
        <p:nvSpPr>
          <p:cNvPr id="29" name="Textplatzhalter 13">
            <a:extLst>
              <a:ext uri="{FF2B5EF4-FFF2-40B4-BE49-F238E27FC236}">
                <a16:creationId xmlns:a16="http://schemas.microsoft.com/office/drawing/2014/main" id="{BA73B1FA-0E2A-47F5-950A-2201DEC47678}"/>
              </a:ext>
            </a:extLst>
          </p:cNvPr>
          <p:cNvSpPr>
            <a:spLocks noGrp="1"/>
          </p:cNvSpPr>
          <p:nvPr>
            <p:ph type="body" sz="quarter" idx="17"/>
          </p:nvPr>
        </p:nvSpPr>
        <p:spPr>
          <a:xfrm>
            <a:off x="4150964" y="1125538"/>
            <a:ext cx="3600797" cy="2303462"/>
          </a:xfrm>
          <a:solidFill>
            <a:srgbClr val="F0F0F0"/>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30" name="Textplatzhalter 13">
            <a:extLst>
              <a:ext uri="{FF2B5EF4-FFF2-40B4-BE49-F238E27FC236}">
                <a16:creationId xmlns:a16="http://schemas.microsoft.com/office/drawing/2014/main" id="{EDBB00A8-7A30-4C3E-B852-BE172BCE2AA8}"/>
              </a:ext>
            </a:extLst>
          </p:cNvPr>
          <p:cNvSpPr>
            <a:spLocks noGrp="1"/>
          </p:cNvSpPr>
          <p:nvPr>
            <p:ph type="body" sz="quarter" idx="22"/>
          </p:nvPr>
        </p:nvSpPr>
        <p:spPr>
          <a:xfrm>
            <a:off x="4150963" y="3648076"/>
            <a:ext cx="3600797" cy="2303462"/>
          </a:xfrm>
          <a:solidFill>
            <a:srgbClr val="F0F0F0"/>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31" name="Textplatzhalter 13">
            <a:extLst>
              <a:ext uri="{FF2B5EF4-FFF2-40B4-BE49-F238E27FC236}">
                <a16:creationId xmlns:a16="http://schemas.microsoft.com/office/drawing/2014/main" id="{9EA300B3-C7FC-4AB6-A3BD-2B11462BA947}"/>
              </a:ext>
            </a:extLst>
          </p:cNvPr>
          <p:cNvSpPr>
            <a:spLocks noGrp="1"/>
          </p:cNvSpPr>
          <p:nvPr>
            <p:ph type="body" sz="quarter" idx="23"/>
          </p:nvPr>
        </p:nvSpPr>
        <p:spPr>
          <a:xfrm>
            <a:off x="7967315" y="3648076"/>
            <a:ext cx="3600797" cy="2303462"/>
          </a:xfrm>
          <a:solidFill>
            <a:srgbClr val="F0F0F0"/>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32" name="Textplatzhalter 13">
            <a:extLst>
              <a:ext uri="{FF2B5EF4-FFF2-40B4-BE49-F238E27FC236}">
                <a16:creationId xmlns:a16="http://schemas.microsoft.com/office/drawing/2014/main" id="{1345A7DE-49E5-4D01-B519-0E541BFBE1E7}"/>
              </a:ext>
            </a:extLst>
          </p:cNvPr>
          <p:cNvSpPr>
            <a:spLocks noGrp="1"/>
          </p:cNvSpPr>
          <p:nvPr>
            <p:ph type="body" sz="quarter" idx="24"/>
          </p:nvPr>
        </p:nvSpPr>
        <p:spPr>
          <a:xfrm>
            <a:off x="7967316" y="1125538"/>
            <a:ext cx="3600797" cy="2303462"/>
          </a:xfrm>
          <a:solidFill>
            <a:srgbClr val="F0F0F0"/>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5" name="TextBox 4">
            <a:extLst>
              <a:ext uri="{FF2B5EF4-FFF2-40B4-BE49-F238E27FC236}">
                <a16:creationId xmlns:a16="http://schemas.microsoft.com/office/drawing/2014/main" id="{EB61129D-CD7B-4F03-A87D-84584F49004E}"/>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0" name="Datumsplatzhalter 3">
            <a:extLst>
              <a:ext uri="{FF2B5EF4-FFF2-40B4-BE49-F238E27FC236}">
                <a16:creationId xmlns:a16="http://schemas.microsoft.com/office/drawing/2014/main" id="{6E1D3C61-1D95-CE3C-8DFA-E7CF7C26B7C9}"/>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1227506434"/>
      </p:ext>
    </p:extLst>
  </p:cSld>
  <p:clrMapOvr>
    <a:masterClrMapping/>
  </p:clrMapOvr>
  <p:hf hd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Ein Inhalt grau">
    <p:spTree>
      <p:nvGrpSpPr>
        <p:cNvPr id="1" name=""/>
        <p:cNvGrpSpPr/>
        <p:nvPr/>
      </p:nvGrpSpPr>
      <p:grpSpPr>
        <a:xfrm>
          <a:off x="0" y="0"/>
          <a:ext cx="0" cy="0"/>
          <a:chOff x="0" y="0"/>
          <a:chExt cx="0" cy="0"/>
        </a:xfrm>
      </p:grpSpPr>
      <p:sp>
        <p:nvSpPr>
          <p:cNvPr id="4" name="Rectangle 10">
            <a:extLst>
              <a:ext uri="{FF2B5EF4-FFF2-40B4-BE49-F238E27FC236}">
                <a16:creationId xmlns:a16="http://schemas.microsoft.com/office/drawing/2014/main" id="{9BC8ECE2-702E-570C-9486-4FCF9E9550B2}"/>
              </a:ext>
            </a:extLst>
          </p:cNvPr>
          <p:cNvSpPr/>
          <p:nvPr userDrawn="1"/>
        </p:nvSpPr>
        <p:spPr>
          <a:xfrm>
            <a:off x="-1" y="-429"/>
            <a:ext cx="3527823" cy="6858000"/>
          </a:xfrm>
          <a:prstGeom prst="rect">
            <a:avLst/>
          </a:prstGeom>
          <a:solidFill>
            <a:srgbClr val="F0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5" name="Title 1">
            <a:extLst>
              <a:ext uri="{FF2B5EF4-FFF2-40B4-BE49-F238E27FC236}">
                <a16:creationId xmlns:a16="http://schemas.microsoft.com/office/drawing/2014/main" id="{DF907D40-C83A-BEAC-BF61-0E86EA0EF621}"/>
              </a:ext>
            </a:extLst>
          </p:cNvPr>
          <p:cNvSpPr>
            <a:spLocks noGrp="1"/>
          </p:cNvSpPr>
          <p:nvPr>
            <p:ph type="title" hasCustomPrompt="1"/>
          </p:nvPr>
        </p:nvSpPr>
        <p:spPr>
          <a:xfrm>
            <a:off x="335360" y="518746"/>
            <a:ext cx="9359602" cy="461982"/>
          </a:xfrm>
        </p:spPr>
        <p:txBody>
          <a:bodyPr/>
          <a:lstStyle/>
          <a:p>
            <a:r>
              <a:rPr lang="fr-CH" dirty="0" err="1"/>
              <a:t>Folientitel</a:t>
            </a:r>
            <a:endParaRPr lang="fr-CH" dirty="0"/>
          </a:p>
        </p:txBody>
      </p:sp>
      <p:sp>
        <p:nvSpPr>
          <p:cNvPr id="6" name="Content Placeholder 3">
            <a:extLst>
              <a:ext uri="{FF2B5EF4-FFF2-40B4-BE49-F238E27FC236}">
                <a16:creationId xmlns:a16="http://schemas.microsoft.com/office/drawing/2014/main" id="{69BD9C66-37EA-4901-7054-51E82DAAA41F}"/>
              </a:ext>
            </a:extLst>
          </p:cNvPr>
          <p:cNvSpPr>
            <a:spLocks noGrp="1"/>
          </p:cNvSpPr>
          <p:nvPr>
            <p:ph sz="half" idx="2"/>
          </p:nvPr>
        </p:nvSpPr>
        <p:spPr>
          <a:xfrm>
            <a:off x="4151710" y="1916113"/>
            <a:ext cx="5543252" cy="4033837"/>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7" name="Subtitle 2">
            <a:extLst>
              <a:ext uri="{FF2B5EF4-FFF2-40B4-BE49-F238E27FC236}">
                <a16:creationId xmlns:a16="http://schemas.microsoft.com/office/drawing/2014/main" id="{B3BDDDA9-7E99-7166-4DCA-C5E0E5D3534C}"/>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0" name="Foliennummernplatzhalter 2">
            <a:extLst>
              <a:ext uri="{FF2B5EF4-FFF2-40B4-BE49-F238E27FC236}">
                <a16:creationId xmlns:a16="http://schemas.microsoft.com/office/drawing/2014/main" id="{6F232C06-2D85-4DB0-4251-05E60DF7312F}"/>
              </a:ext>
            </a:extLst>
          </p:cNvPr>
          <p:cNvSpPr>
            <a:spLocks noGrp="1"/>
          </p:cNvSpPr>
          <p:nvPr>
            <p:ph type="sldNum" sz="quarter" idx="16"/>
          </p:nvPr>
        </p:nvSpPr>
        <p:spPr>
          <a:xfrm>
            <a:off x="6315" y="6858000"/>
            <a:ext cx="0" cy="0"/>
          </a:xfrm>
        </p:spPr>
        <p:txBody>
          <a:bodyPr/>
          <a:lstStyle/>
          <a:p>
            <a:fld id="{6CE01BEB-2E3D-45FB-97A6-EA7164E83718}" type="slidenum">
              <a:rPr lang="fr-CH" smtClean="0"/>
              <a:pPr/>
              <a:t>‹N°›</a:t>
            </a:fld>
            <a:endParaRPr lang="fr-CH" dirty="0"/>
          </a:p>
        </p:txBody>
      </p:sp>
      <p:sp>
        <p:nvSpPr>
          <p:cNvPr id="11" name="TextBox 5">
            <a:extLst>
              <a:ext uri="{FF2B5EF4-FFF2-40B4-BE49-F238E27FC236}">
                <a16:creationId xmlns:a16="http://schemas.microsoft.com/office/drawing/2014/main" id="{4B84366E-F1D5-4574-64B0-3788520AC5CF}"/>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000000"/>
              </a:solidFill>
            </a:endParaRPr>
          </a:p>
        </p:txBody>
      </p:sp>
      <p:sp>
        <p:nvSpPr>
          <p:cNvPr id="12" name="Datumsplatzhalter 4">
            <a:extLst>
              <a:ext uri="{FF2B5EF4-FFF2-40B4-BE49-F238E27FC236}">
                <a16:creationId xmlns:a16="http://schemas.microsoft.com/office/drawing/2014/main" id="{1EBCC4F5-C2A8-A2B8-00CC-996EC3807439}"/>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3" name="Date dynamic" descr="{&quot;templafy&quot;:{&quot;id&quot;:&quot;2ba5b32f-00da-4215-967f-1802c613fddf&quot;}}">
            <a:extLst>
              <a:ext uri="{FF2B5EF4-FFF2-40B4-BE49-F238E27FC236}">
                <a16:creationId xmlns:a16="http://schemas.microsoft.com/office/drawing/2014/main" id="{79C57667-5124-7CA3-EEE8-77BF0B97DE46}"/>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14" name="Confidentiality dynamic" descr="{&quot;templafy&quot;:{&quot;id&quot;:&quot;bf7a19e9-bfd2-49ef-8146-dd7afee0ddbd&quot;}}">
            <a:extLst>
              <a:ext uri="{FF2B5EF4-FFF2-40B4-BE49-F238E27FC236}">
                <a16:creationId xmlns:a16="http://schemas.microsoft.com/office/drawing/2014/main" id="{3AF2BB55-034F-EDD4-2C91-1034D9AC321E}"/>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3851243197"/>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Ein Inhalt akzentuiert">
    <p:spTree>
      <p:nvGrpSpPr>
        <p:cNvPr id="1" name=""/>
        <p:cNvGrpSpPr/>
        <p:nvPr/>
      </p:nvGrpSpPr>
      <p:grpSpPr>
        <a:xfrm>
          <a:off x="0" y="0"/>
          <a:ext cx="0" cy="0"/>
          <a:chOff x="0" y="0"/>
          <a:chExt cx="0" cy="0"/>
        </a:xfrm>
      </p:grpSpPr>
      <p:sp>
        <p:nvSpPr>
          <p:cNvPr id="4" name="Rectangle 10">
            <a:extLst>
              <a:ext uri="{FF2B5EF4-FFF2-40B4-BE49-F238E27FC236}">
                <a16:creationId xmlns:a16="http://schemas.microsoft.com/office/drawing/2014/main" id="{2CF6A97B-EEEA-80A2-3232-C6D8D62D5526}"/>
              </a:ext>
            </a:extLst>
          </p:cNvPr>
          <p:cNvSpPr/>
          <p:nvPr userDrawn="1"/>
        </p:nvSpPr>
        <p:spPr>
          <a:xfrm>
            <a:off x="-1" y="-429"/>
            <a:ext cx="352782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5" name="Title 1">
            <a:extLst>
              <a:ext uri="{FF2B5EF4-FFF2-40B4-BE49-F238E27FC236}">
                <a16:creationId xmlns:a16="http://schemas.microsoft.com/office/drawing/2014/main" id="{88CBA80C-96FF-03CA-5CE9-021F1D062BAF}"/>
              </a:ext>
            </a:extLst>
          </p:cNvPr>
          <p:cNvSpPr>
            <a:spLocks noGrp="1"/>
          </p:cNvSpPr>
          <p:nvPr>
            <p:ph type="title" hasCustomPrompt="1"/>
          </p:nvPr>
        </p:nvSpPr>
        <p:spPr>
          <a:xfrm>
            <a:off x="335360" y="518746"/>
            <a:ext cx="9359602" cy="461982"/>
          </a:xfrm>
        </p:spPr>
        <p:txBody>
          <a:bodyPr/>
          <a:lstStyle/>
          <a:p>
            <a:r>
              <a:rPr lang="fr-CH" dirty="0" err="1"/>
              <a:t>Folientitel</a:t>
            </a:r>
            <a:endParaRPr lang="fr-CH" dirty="0"/>
          </a:p>
        </p:txBody>
      </p:sp>
      <p:sp>
        <p:nvSpPr>
          <p:cNvPr id="6" name="Content Placeholder 3">
            <a:extLst>
              <a:ext uri="{FF2B5EF4-FFF2-40B4-BE49-F238E27FC236}">
                <a16:creationId xmlns:a16="http://schemas.microsoft.com/office/drawing/2014/main" id="{5E0CEAA1-10D6-E3B4-4F3D-9330C4205FB8}"/>
              </a:ext>
            </a:extLst>
          </p:cNvPr>
          <p:cNvSpPr>
            <a:spLocks noGrp="1"/>
          </p:cNvSpPr>
          <p:nvPr>
            <p:ph sz="half" idx="2"/>
          </p:nvPr>
        </p:nvSpPr>
        <p:spPr>
          <a:xfrm>
            <a:off x="4151710" y="1916113"/>
            <a:ext cx="5543252" cy="4033837"/>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7" name="Subtitle 2">
            <a:extLst>
              <a:ext uri="{FF2B5EF4-FFF2-40B4-BE49-F238E27FC236}">
                <a16:creationId xmlns:a16="http://schemas.microsoft.com/office/drawing/2014/main" id="{FDAEA612-B287-D232-7B8E-9E78E9B98870}"/>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0" name="Foliennummernplatzhalter 2">
            <a:extLst>
              <a:ext uri="{FF2B5EF4-FFF2-40B4-BE49-F238E27FC236}">
                <a16:creationId xmlns:a16="http://schemas.microsoft.com/office/drawing/2014/main" id="{B33D5918-051D-F93D-8C49-2736A7A70384}"/>
              </a:ext>
            </a:extLst>
          </p:cNvPr>
          <p:cNvSpPr>
            <a:spLocks noGrp="1"/>
          </p:cNvSpPr>
          <p:nvPr>
            <p:ph type="sldNum" sz="quarter" idx="16"/>
          </p:nvPr>
        </p:nvSpPr>
        <p:spPr>
          <a:xfrm>
            <a:off x="6315" y="6858000"/>
            <a:ext cx="0" cy="0"/>
          </a:xfrm>
        </p:spPr>
        <p:txBody>
          <a:bodyPr/>
          <a:lstStyle/>
          <a:p>
            <a:fld id="{38C21FDE-1A67-44F7-8C18-0264E8823DB2}" type="slidenum">
              <a:rPr lang="fr-CH" smtClean="0"/>
              <a:pPr/>
              <a:t>‹N°›</a:t>
            </a:fld>
            <a:endParaRPr lang="fr-CH" dirty="0"/>
          </a:p>
        </p:txBody>
      </p:sp>
      <p:sp>
        <p:nvSpPr>
          <p:cNvPr id="11" name="TextBox 5">
            <a:extLst>
              <a:ext uri="{FF2B5EF4-FFF2-40B4-BE49-F238E27FC236}">
                <a16:creationId xmlns:a16="http://schemas.microsoft.com/office/drawing/2014/main" id="{D450CB10-E528-1DE8-2F44-86759E12C7B8}"/>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12" name="Datumsplatzhalter 4">
            <a:extLst>
              <a:ext uri="{FF2B5EF4-FFF2-40B4-BE49-F238E27FC236}">
                <a16:creationId xmlns:a16="http://schemas.microsoft.com/office/drawing/2014/main" id="{8235E9C1-A2CD-894C-72A6-066E18DDDE00}"/>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3" name="Date dynamic" descr="{&quot;templafy&quot;:{&quot;id&quot;:&quot;25a3fea8-4946-46fa-8333-0d63831ea7ec&quot;}}">
            <a:extLst>
              <a:ext uri="{FF2B5EF4-FFF2-40B4-BE49-F238E27FC236}">
                <a16:creationId xmlns:a16="http://schemas.microsoft.com/office/drawing/2014/main" id="{E0696189-52C0-8133-E3B0-4CD0EB8EB843}"/>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14" name="Confidentiality dynamic" descr="{&quot;templafy&quot;:{&quot;id&quot;:&quot;b9a8fb92-c855-4ed2-9573-60875cd9a5c7&quot;}}">
            <a:extLst>
              <a:ext uri="{FF2B5EF4-FFF2-40B4-BE49-F238E27FC236}">
                <a16:creationId xmlns:a16="http://schemas.microsoft.com/office/drawing/2014/main" id="{85143CE2-CE41-1358-D157-354EA9F7A05D}"/>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143535485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matchingName="Zwei Inhalte" preserve="1" userDrawn="1">
  <p:cSld name="Zwei Inh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3" name="Content Placeholder 2">
            <a:extLst>
              <a:ext uri="{FF2B5EF4-FFF2-40B4-BE49-F238E27FC236}">
                <a16:creationId xmlns:a16="http://schemas.microsoft.com/office/drawing/2014/main" id="{F701E4EA-FEBF-468A-9B8F-A905E820F39E}"/>
              </a:ext>
            </a:extLst>
          </p:cNvPr>
          <p:cNvSpPr>
            <a:spLocks noGrp="1"/>
          </p:cNvSpPr>
          <p:nvPr>
            <p:ph sz="half" idx="1"/>
          </p:nvPr>
        </p:nvSpPr>
        <p:spPr>
          <a:xfrm>
            <a:off x="335360" y="1916113"/>
            <a:ext cx="4824015" cy="4033837"/>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6096000" y="1916113"/>
            <a:ext cx="4824015" cy="4033837"/>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5" name="Foliennummernplatzhalter 4">
            <a:extLst>
              <a:ext uri="{FF2B5EF4-FFF2-40B4-BE49-F238E27FC236}">
                <a16:creationId xmlns:a16="http://schemas.microsoft.com/office/drawing/2014/main" id="{90980E4C-995D-4602-ACB7-9D52C5EB4A31}"/>
              </a:ext>
            </a:extLst>
          </p:cNvPr>
          <p:cNvSpPr>
            <a:spLocks noGrp="1"/>
          </p:cNvSpPr>
          <p:nvPr>
            <p:ph type="sldNum" sz="quarter" idx="14"/>
          </p:nvPr>
        </p:nvSpPr>
        <p:spPr/>
        <p:txBody>
          <a:bodyPr/>
          <a:lstStyle/>
          <a:p>
            <a:fld id="{19809D7B-43F8-41D1-945E-D0BD3916A643}" type="slidenum">
              <a:rPr lang="fr-CH" smtClean="0"/>
              <a:pPr/>
              <a:t>‹N°›</a:t>
            </a:fld>
            <a:endParaRPr lang="fr-CH" dirty="0"/>
          </a:p>
        </p:txBody>
      </p:sp>
      <p:sp>
        <p:nvSpPr>
          <p:cNvPr id="6" name="TextBox 5">
            <a:extLst>
              <a:ext uri="{FF2B5EF4-FFF2-40B4-BE49-F238E27FC236}">
                <a16:creationId xmlns:a16="http://schemas.microsoft.com/office/drawing/2014/main" id="{63CE8865-CD4C-45F5-B05B-627BD0AB1D84}"/>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2" name="Datumsplatzhalter 6">
            <a:extLst>
              <a:ext uri="{FF2B5EF4-FFF2-40B4-BE49-F238E27FC236}">
                <a16:creationId xmlns:a16="http://schemas.microsoft.com/office/drawing/2014/main" id="{A00672F9-34B7-021A-D610-3DB766803670}"/>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2153074702"/>
      </p:ext>
    </p:extLst>
  </p:cSld>
  <p:clrMapOvr>
    <a:masterClrMapping/>
  </p:clrMapOvr>
  <p:hf hdr="0"/>
</p:sldLayout>
</file>

<file path=ppt/slideLayouts/slideLayout14.xml><?xml version="1.0" encoding="utf-8"?>
<p:sldLayout xmlns:a="http://schemas.openxmlformats.org/drawingml/2006/main" xmlns:r="http://schemas.openxmlformats.org/officeDocument/2006/relationships" xmlns:p="http://schemas.openxmlformats.org/presentationml/2006/main" matchingName="Kernaussage und zwei Inhalte" preserve="1" userDrawn="1">
  <p:cSld name="Kernaussage und zwei Inh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3" name="Content Placeholder 2">
            <a:extLst>
              <a:ext uri="{FF2B5EF4-FFF2-40B4-BE49-F238E27FC236}">
                <a16:creationId xmlns:a16="http://schemas.microsoft.com/office/drawing/2014/main" id="{F701E4EA-FEBF-468A-9B8F-A905E820F39E}"/>
              </a:ext>
            </a:extLst>
          </p:cNvPr>
          <p:cNvSpPr>
            <a:spLocks noGrp="1"/>
          </p:cNvSpPr>
          <p:nvPr>
            <p:ph sz="half" idx="1"/>
          </p:nvPr>
        </p:nvSpPr>
        <p:spPr>
          <a:xfrm>
            <a:off x="335360" y="2708920"/>
            <a:ext cx="4824015" cy="3241030"/>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5" name="Foliennummernplatzhalter 4">
            <a:extLst>
              <a:ext uri="{FF2B5EF4-FFF2-40B4-BE49-F238E27FC236}">
                <a16:creationId xmlns:a16="http://schemas.microsoft.com/office/drawing/2014/main" id="{90980E4C-995D-4602-ACB7-9D52C5EB4A31}"/>
              </a:ext>
            </a:extLst>
          </p:cNvPr>
          <p:cNvSpPr>
            <a:spLocks noGrp="1"/>
          </p:cNvSpPr>
          <p:nvPr>
            <p:ph type="sldNum" sz="quarter" idx="14"/>
          </p:nvPr>
        </p:nvSpPr>
        <p:spPr/>
        <p:txBody>
          <a:bodyPr/>
          <a:lstStyle/>
          <a:p>
            <a:fld id="{75C56842-938D-4015-A58E-107CFC6ACA19}" type="slidenum">
              <a:rPr lang="fr-CH" smtClean="0"/>
              <a:pPr/>
              <a:t>‹N°›</a:t>
            </a:fld>
            <a:endParaRPr lang="fr-CH" dirty="0"/>
          </a:p>
        </p:txBody>
      </p:sp>
      <p:sp>
        <p:nvSpPr>
          <p:cNvPr id="8" name="Text Placeholder 10">
            <a:extLst>
              <a:ext uri="{FF2B5EF4-FFF2-40B4-BE49-F238E27FC236}">
                <a16:creationId xmlns:a16="http://schemas.microsoft.com/office/drawing/2014/main" id="{AECF335B-2FB9-4255-9D1A-34949E227D3D}"/>
              </a:ext>
            </a:extLst>
          </p:cNvPr>
          <p:cNvSpPr>
            <a:spLocks noGrp="1"/>
          </p:cNvSpPr>
          <p:nvPr>
            <p:ph type="body" sz="quarter" idx="15" hasCustomPrompt="1"/>
          </p:nvPr>
        </p:nvSpPr>
        <p:spPr>
          <a:xfrm>
            <a:off x="334963" y="1916113"/>
            <a:ext cx="4824412" cy="648791"/>
          </a:xfrm>
        </p:spPr>
        <p:txBody>
          <a:bodyPr/>
          <a:lstStyle>
            <a:lvl1pPr marL="0" indent="0">
              <a:lnSpc>
                <a:spcPct val="100000"/>
              </a:lnSpc>
              <a:buNone/>
              <a:defRPr sz="2000"/>
            </a:lvl1pPr>
          </a:lstStyle>
          <a:p>
            <a:pPr lvl="0"/>
            <a:r>
              <a:rPr lang="fr-CH" dirty="0" err="1"/>
              <a:t>Kernaussage</a:t>
            </a:r>
            <a:endParaRPr lang="fr-CH" dirty="0"/>
          </a:p>
        </p:txBody>
      </p:sp>
      <p:sp>
        <p:nvSpPr>
          <p:cNvPr id="11" name="Content Placeholder 2">
            <a:extLst>
              <a:ext uri="{FF2B5EF4-FFF2-40B4-BE49-F238E27FC236}">
                <a16:creationId xmlns:a16="http://schemas.microsoft.com/office/drawing/2014/main" id="{6E2EA6CF-CD9B-49C1-83B1-D4DF064DFB2E}"/>
              </a:ext>
            </a:extLst>
          </p:cNvPr>
          <p:cNvSpPr>
            <a:spLocks noGrp="1"/>
          </p:cNvSpPr>
          <p:nvPr>
            <p:ph sz="half" idx="16"/>
          </p:nvPr>
        </p:nvSpPr>
        <p:spPr>
          <a:xfrm>
            <a:off x="6096000" y="2708920"/>
            <a:ext cx="4824015" cy="3241030"/>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2" name="Text Placeholder 10">
            <a:extLst>
              <a:ext uri="{FF2B5EF4-FFF2-40B4-BE49-F238E27FC236}">
                <a16:creationId xmlns:a16="http://schemas.microsoft.com/office/drawing/2014/main" id="{1D94BE43-14DF-4459-B3F6-B28250F2C029}"/>
              </a:ext>
            </a:extLst>
          </p:cNvPr>
          <p:cNvSpPr>
            <a:spLocks noGrp="1"/>
          </p:cNvSpPr>
          <p:nvPr>
            <p:ph type="body" sz="quarter" idx="17" hasCustomPrompt="1"/>
          </p:nvPr>
        </p:nvSpPr>
        <p:spPr>
          <a:xfrm>
            <a:off x="6095603" y="1916113"/>
            <a:ext cx="4824412" cy="648791"/>
          </a:xfrm>
        </p:spPr>
        <p:txBody>
          <a:bodyPr/>
          <a:lstStyle>
            <a:lvl1pPr marL="0" indent="0">
              <a:lnSpc>
                <a:spcPct val="100000"/>
              </a:lnSpc>
              <a:buNone/>
              <a:defRPr sz="2000"/>
            </a:lvl1pPr>
          </a:lstStyle>
          <a:p>
            <a:pPr lvl="0"/>
            <a:r>
              <a:rPr lang="fr-CH" dirty="0" err="1"/>
              <a:t>Kernaussage</a:t>
            </a:r>
            <a:endParaRPr lang="fr-CH" dirty="0"/>
          </a:p>
        </p:txBody>
      </p:sp>
      <p:sp>
        <p:nvSpPr>
          <p:cNvPr id="6" name="TextBox 5">
            <a:extLst>
              <a:ext uri="{FF2B5EF4-FFF2-40B4-BE49-F238E27FC236}">
                <a16:creationId xmlns:a16="http://schemas.microsoft.com/office/drawing/2014/main" id="{69CD3CF1-B79A-4CC6-983D-2AFC10F17E0F}"/>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4" name="Datumsplatzhalter 3">
            <a:extLst>
              <a:ext uri="{FF2B5EF4-FFF2-40B4-BE49-F238E27FC236}">
                <a16:creationId xmlns:a16="http://schemas.microsoft.com/office/drawing/2014/main" id="{7E7DFFBF-FFD4-628B-C21F-750303B871F2}"/>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2299764599"/>
      </p:ext>
    </p:extLst>
  </p:cSld>
  <p:clrMapOvr>
    <a:masterClrMapping/>
  </p:clrMapOvr>
  <p:hf hdr="0"/>
</p:sldLayout>
</file>

<file path=ppt/slideLayouts/slideLayout15.xml><?xml version="1.0" encoding="utf-8"?>
<p:sldLayout xmlns:a="http://schemas.openxmlformats.org/drawingml/2006/main" xmlns:r="http://schemas.openxmlformats.org/officeDocument/2006/relationships" xmlns:p="http://schemas.openxmlformats.org/presentationml/2006/main" matchingName="Drei Inhalte" preserve="1" userDrawn="1">
  <p:cSld name="Drei Inh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3" name="Content Placeholder 2">
            <a:extLst>
              <a:ext uri="{FF2B5EF4-FFF2-40B4-BE49-F238E27FC236}">
                <a16:creationId xmlns:a16="http://schemas.microsoft.com/office/drawing/2014/main" id="{F701E4EA-FEBF-468A-9B8F-A905E820F39E}"/>
              </a:ext>
            </a:extLst>
          </p:cNvPr>
          <p:cNvSpPr>
            <a:spLocks noGrp="1"/>
          </p:cNvSpPr>
          <p:nvPr>
            <p:ph sz="half" idx="1"/>
          </p:nvPr>
        </p:nvSpPr>
        <p:spPr>
          <a:xfrm>
            <a:off x="335360" y="1916113"/>
            <a:ext cx="3600053" cy="4033837"/>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4151710" y="1916113"/>
            <a:ext cx="3600053" cy="4033837"/>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0" name="Content Placeholder 3">
            <a:extLst>
              <a:ext uri="{FF2B5EF4-FFF2-40B4-BE49-F238E27FC236}">
                <a16:creationId xmlns:a16="http://schemas.microsoft.com/office/drawing/2014/main" id="{9DF61BE2-36BA-4FF2-BC8E-9F351048A87F}"/>
              </a:ext>
            </a:extLst>
          </p:cNvPr>
          <p:cNvSpPr>
            <a:spLocks noGrp="1"/>
          </p:cNvSpPr>
          <p:nvPr>
            <p:ph sz="half" idx="14"/>
          </p:nvPr>
        </p:nvSpPr>
        <p:spPr>
          <a:xfrm>
            <a:off x="7968060" y="1916113"/>
            <a:ext cx="3600053" cy="4033837"/>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5" name="Foliennummernplatzhalter 4">
            <a:extLst>
              <a:ext uri="{FF2B5EF4-FFF2-40B4-BE49-F238E27FC236}">
                <a16:creationId xmlns:a16="http://schemas.microsoft.com/office/drawing/2014/main" id="{08115D81-FF48-4AE3-A42E-583B7F71D88B}"/>
              </a:ext>
            </a:extLst>
          </p:cNvPr>
          <p:cNvSpPr>
            <a:spLocks noGrp="1"/>
          </p:cNvSpPr>
          <p:nvPr>
            <p:ph type="sldNum" sz="quarter" idx="15"/>
          </p:nvPr>
        </p:nvSpPr>
        <p:spPr/>
        <p:txBody>
          <a:bodyPr/>
          <a:lstStyle/>
          <a:p>
            <a:fld id="{A684E37B-B8B7-43F6-87C2-38BE439903AC}" type="slidenum">
              <a:rPr lang="fr-CH" smtClean="0"/>
              <a:pPr/>
              <a:t>‹N°›</a:t>
            </a:fld>
            <a:endParaRPr lang="fr-CH" dirty="0"/>
          </a:p>
        </p:txBody>
      </p:sp>
      <p:sp>
        <p:nvSpPr>
          <p:cNvPr id="6" name="TextBox 5">
            <a:extLst>
              <a:ext uri="{FF2B5EF4-FFF2-40B4-BE49-F238E27FC236}">
                <a16:creationId xmlns:a16="http://schemas.microsoft.com/office/drawing/2014/main" id="{7E65C573-D482-4DC5-877D-43862AF4811C}"/>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3" name="Datumsplatzhalter 6">
            <a:extLst>
              <a:ext uri="{FF2B5EF4-FFF2-40B4-BE49-F238E27FC236}">
                <a16:creationId xmlns:a16="http://schemas.microsoft.com/office/drawing/2014/main" id="{96198706-6F4D-C7E5-D9BC-6CF21C9DC499}"/>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1331562566"/>
      </p:ext>
    </p:extLst>
  </p:cSld>
  <p:clrMapOvr>
    <a:masterClrMapping/>
  </p:clrMapOvr>
  <p:hf hdr="0"/>
</p:sldLayout>
</file>

<file path=ppt/slideLayouts/slideLayout16.xml><?xml version="1.0" encoding="utf-8"?>
<p:sldLayout xmlns:a="http://schemas.openxmlformats.org/drawingml/2006/main" xmlns:r="http://schemas.openxmlformats.org/officeDocument/2006/relationships" xmlns:p="http://schemas.openxmlformats.org/presentationml/2006/main" matchingName="Kernaussage und drei Inhalte" preserve="1" userDrawn="1">
  <p:cSld name="Kernaussage und drei Inhal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1" name="Content Placeholder 2">
            <a:extLst>
              <a:ext uri="{FF2B5EF4-FFF2-40B4-BE49-F238E27FC236}">
                <a16:creationId xmlns:a16="http://schemas.microsoft.com/office/drawing/2014/main" id="{12FCE2E6-A23A-4E10-BAF6-CFC7ACEB3A18}"/>
              </a:ext>
            </a:extLst>
          </p:cNvPr>
          <p:cNvSpPr>
            <a:spLocks noGrp="1"/>
          </p:cNvSpPr>
          <p:nvPr>
            <p:ph sz="half" idx="16"/>
          </p:nvPr>
        </p:nvSpPr>
        <p:spPr>
          <a:xfrm>
            <a:off x="335360" y="2708920"/>
            <a:ext cx="3600053" cy="3241030"/>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2" name="Text Placeholder 10">
            <a:extLst>
              <a:ext uri="{FF2B5EF4-FFF2-40B4-BE49-F238E27FC236}">
                <a16:creationId xmlns:a16="http://schemas.microsoft.com/office/drawing/2014/main" id="{4F276218-A2F5-42DB-817B-9F26B1BEB995}"/>
              </a:ext>
            </a:extLst>
          </p:cNvPr>
          <p:cNvSpPr>
            <a:spLocks noGrp="1"/>
          </p:cNvSpPr>
          <p:nvPr>
            <p:ph type="body" sz="quarter" idx="17" hasCustomPrompt="1"/>
          </p:nvPr>
        </p:nvSpPr>
        <p:spPr>
          <a:xfrm>
            <a:off x="334963" y="1916113"/>
            <a:ext cx="3600349" cy="648791"/>
          </a:xfrm>
        </p:spPr>
        <p:txBody>
          <a:bodyPr/>
          <a:lstStyle>
            <a:lvl1pPr marL="0" indent="0">
              <a:lnSpc>
                <a:spcPct val="100000"/>
              </a:lnSpc>
              <a:buNone/>
              <a:defRPr sz="2000"/>
            </a:lvl1pPr>
          </a:lstStyle>
          <a:p>
            <a:pPr lvl="0"/>
            <a:r>
              <a:rPr lang="fr-CH" dirty="0" err="1"/>
              <a:t>Kernaussage</a:t>
            </a:r>
            <a:endParaRPr lang="fr-CH" dirty="0"/>
          </a:p>
        </p:txBody>
      </p:sp>
      <p:sp>
        <p:nvSpPr>
          <p:cNvPr id="13" name="Content Placeholder 2">
            <a:extLst>
              <a:ext uri="{FF2B5EF4-FFF2-40B4-BE49-F238E27FC236}">
                <a16:creationId xmlns:a16="http://schemas.microsoft.com/office/drawing/2014/main" id="{E5F17478-ED73-496C-95D0-65B6479C6606}"/>
              </a:ext>
            </a:extLst>
          </p:cNvPr>
          <p:cNvSpPr>
            <a:spLocks noGrp="1"/>
          </p:cNvSpPr>
          <p:nvPr>
            <p:ph sz="half" idx="18"/>
          </p:nvPr>
        </p:nvSpPr>
        <p:spPr>
          <a:xfrm>
            <a:off x="4151811" y="2708920"/>
            <a:ext cx="3600053" cy="3241030"/>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4" name="Text Placeholder 10">
            <a:extLst>
              <a:ext uri="{FF2B5EF4-FFF2-40B4-BE49-F238E27FC236}">
                <a16:creationId xmlns:a16="http://schemas.microsoft.com/office/drawing/2014/main" id="{C508FD54-B30A-4EEA-B45F-6191991DB20F}"/>
              </a:ext>
            </a:extLst>
          </p:cNvPr>
          <p:cNvSpPr>
            <a:spLocks noGrp="1"/>
          </p:cNvSpPr>
          <p:nvPr>
            <p:ph type="body" sz="quarter" idx="19" hasCustomPrompt="1"/>
          </p:nvPr>
        </p:nvSpPr>
        <p:spPr>
          <a:xfrm>
            <a:off x="4151414" y="1916113"/>
            <a:ext cx="3600349" cy="648791"/>
          </a:xfrm>
        </p:spPr>
        <p:txBody>
          <a:bodyPr/>
          <a:lstStyle>
            <a:lvl1pPr marL="0" indent="0">
              <a:lnSpc>
                <a:spcPct val="100000"/>
              </a:lnSpc>
              <a:buNone/>
              <a:defRPr sz="2000"/>
            </a:lvl1pPr>
          </a:lstStyle>
          <a:p>
            <a:pPr lvl="0"/>
            <a:r>
              <a:rPr lang="fr-CH" dirty="0" err="1"/>
              <a:t>Kernaussage</a:t>
            </a:r>
            <a:endParaRPr lang="fr-CH" dirty="0"/>
          </a:p>
        </p:txBody>
      </p:sp>
      <p:sp>
        <p:nvSpPr>
          <p:cNvPr id="15" name="Content Placeholder 2">
            <a:extLst>
              <a:ext uri="{FF2B5EF4-FFF2-40B4-BE49-F238E27FC236}">
                <a16:creationId xmlns:a16="http://schemas.microsoft.com/office/drawing/2014/main" id="{146E66F0-2536-4230-BE8B-CB1235C21500}"/>
              </a:ext>
            </a:extLst>
          </p:cNvPr>
          <p:cNvSpPr>
            <a:spLocks noGrp="1"/>
          </p:cNvSpPr>
          <p:nvPr>
            <p:ph sz="half" idx="20"/>
          </p:nvPr>
        </p:nvSpPr>
        <p:spPr>
          <a:xfrm>
            <a:off x="7968262" y="2708920"/>
            <a:ext cx="3600053" cy="3241030"/>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6" name="Text Placeholder 10">
            <a:extLst>
              <a:ext uri="{FF2B5EF4-FFF2-40B4-BE49-F238E27FC236}">
                <a16:creationId xmlns:a16="http://schemas.microsoft.com/office/drawing/2014/main" id="{6BAAA5DE-5336-4BDB-9B17-42535C323155}"/>
              </a:ext>
            </a:extLst>
          </p:cNvPr>
          <p:cNvSpPr>
            <a:spLocks noGrp="1"/>
          </p:cNvSpPr>
          <p:nvPr>
            <p:ph type="body" sz="quarter" idx="21" hasCustomPrompt="1"/>
          </p:nvPr>
        </p:nvSpPr>
        <p:spPr>
          <a:xfrm>
            <a:off x="7967865" y="1916113"/>
            <a:ext cx="3600349" cy="648791"/>
          </a:xfrm>
        </p:spPr>
        <p:txBody>
          <a:bodyPr/>
          <a:lstStyle>
            <a:lvl1pPr marL="0" indent="0">
              <a:lnSpc>
                <a:spcPct val="100000"/>
              </a:lnSpc>
              <a:buNone/>
              <a:defRPr sz="2000"/>
            </a:lvl1pPr>
          </a:lstStyle>
          <a:p>
            <a:pPr lvl="0"/>
            <a:r>
              <a:rPr lang="fr-CH" dirty="0" err="1"/>
              <a:t>Kernaussage</a:t>
            </a:r>
            <a:endParaRPr lang="fr-CH" dirty="0"/>
          </a:p>
        </p:txBody>
      </p:sp>
      <p:sp>
        <p:nvSpPr>
          <p:cNvPr id="10" name="Foliennummernplatzhalter 9">
            <a:extLst>
              <a:ext uri="{FF2B5EF4-FFF2-40B4-BE49-F238E27FC236}">
                <a16:creationId xmlns:a16="http://schemas.microsoft.com/office/drawing/2014/main" id="{DDDFFBBA-4A70-4B16-9C07-5BD2F0AC0203}"/>
              </a:ext>
            </a:extLst>
          </p:cNvPr>
          <p:cNvSpPr>
            <a:spLocks noGrp="1"/>
          </p:cNvSpPr>
          <p:nvPr>
            <p:ph type="sldNum" sz="quarter" idx="24"/>
          </p:nvPr>
        </p:nvSpPr>
        <p:spPr/>
        <p:txBody>
          <a:bodyPr/>
          <a:lstStyle/>
          <a:p>
            <a:fld id="{8717F726-206E-4D17-BD8F-C895FB10770B}" type="slidenum">
              <a:rPr lang="fr-CH" smtClean="0"/>
              <a:pPr/>
              <a:t>‹N°›</a:t>
            </a:fld>
            <a:endParaRPr lang="fr-CH" dirty="0"/>
          </a:p>
        </p:txBody>
      </p:sp>
      <p:sp>
        <p:nvSpPr>
          <p:cNvPr id="3" name="TextBox 2">
            <a:extLst>
              <a:ext uri="{FF2B5EF4-FFF2-40B4-BE49-F238E27FC236}">
                <a16:creationId xmlns:a16="http://schemas.microsoft.com/office/drawing/2014/main" id="{B8D66DC4-329D-43B5-8CA4-62A64FF51A68}"/>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8" name="Datumsplatzhalter 6">
            <a:extLst>
              <a:ext uri="{FF2B5EF4-FFF2-40B4-BE49-F238E27FC236}">
                <a16:creationId xmlns:a16="http://schemas.microsoft.com/office/drawing/2014/main" id="{44AF69A8-D9DA-21B3-4D46-D908C3D793C5}"/>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1550032577"/>
      </p:ext>
    </p:extLst>
  </p:cSld>
  <p:clrMapOvr>
    <a:masterClrMapping/>
  </p:clrMapOvr>
  <p:hf hdr="0"/>
</p:sldLayout>
</file>

<file path=ppt/slideLayouts/slideLayout17.xml><?xml version="1.0" encoding="utf-8"?>
<p:sldLayout xmlns:a="http://schemas.openxmlformats.org/drawingml/2006/main" xmlns:r="http://schemas.openxmlformats.org/officeDocument/2006/relationships" xmlns:p="http://schemas.openxmlformats.org/presentationml/2006/main" matchingName="Kernaussage und Textboxen akzentuiert" preserve="1" userDrawn="1">
  <p:cSld name="Kernaussage und Textboxen akzentuie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5" name="Foliennummernplatzhalter 4">
            <a:extLst>
              <a:ext uri="{FF2B5EF4-FFF2-40B4-BE49-F238E27FC236}">
                <a16:creationId xmlns:a16="http://schemas.microsoft.com/office/drawing/2014/main" id="{08115D81-FF48-4AE3-A42E-583B7F71D88B}"/>
              </a:ext>
            </a:extLst>
          </p:cNvPr>
          <p:cNvSpPr>
            <a:spLocks noGrp="1"/>
          </p:cNvSpPr>
          <p:nvPr>
            <p:ph type="sldNum" sz="quarter" idx="15"/>
          </p:nvPr>
        </p:nvSpPr>
        <p:spPr/>
        <p:txBody>
          <a:bodyPr/>
          <a:lstStyle/>
          <a:p>
            <a:fld id="{18E42675-B573-42CC-B7D9-E0BEB047DF91}" type="slidenum">
              <a:rPr lang="fr-CH" smtClean="0"/>
              <a:pPr/>
              <a:t>‹N°›</a:t>
            </a:fld>
            <a:endParaRPr lang="fr-CH" dirty="0"/>
          </a:p>
        </p:txBody>
      </p:sp>
      <p:sp>
        <p:nvSpPr>
          <p:cNvPr id="12" name="Text Placeholder 12">
            <a:extLst>
              <a:ext uri="{FF2B5EF4-FFF2-40B4-BE49-F238E27FC236}">
                <a16:creationId xmlns:a16="http://schemas.microsoft.com/office/drawing/2014/main" id="{8AEC8449-CBB7-4288-8CAB-4EB56EB218A2}"/>
              </a:ext>
            </a:extLst>
          </p:cNvPr>
          <p:cNvSpPr>
            <a:spLocks noGrp="1"/>
          </p:cNvSpPr>
          <p:nvPr>
            <p:ph type="body" sz="quarter" idx="16" hasCustomPrompt="1"/>
          </p:nvPr>
        </p:nvSpPr>
        <p:spPr>
          <a:xfrm>
            <a:off x="334963" y="1125540"/>
            <a:ext cx="4824412" cy="2087436"/>
          </a:xfrm>
        </p:spPr>
        <p:txBody>
          <a:bodyPr/>
          <a:lstStyle>
            <a:lvl1pPr marL="0" indent="0">
              <a:lnSpc>
                <a:spcPct val="100000"/>
              </a:lnSpc>
              <a:buNone/>
              <a:defRPr sz="2000"/>
            </a:lvl1pPr>
          </a:lstStyle>
          <a:p>
            <a:pPr lvl="0"/>
            <a:r>
              <a:rPr lang="fr-CH" dirty="0" err="1"/>
              <a:t>Kernaussage</a:t>
            </a:r>
            <a:endParaRPr lang="fr-CH" dirty="0"/>
          </a:p>
        </p:txBody>
      </p:sp>
      <p:sp>
        <p:nvSpPr>
          <p:cNvPr id="14" name="Textplatzhalter 13">
            <a:extLst>
              <a:ext uri="{FF2B5EF4-FFF2-40B4-BE49-F238E27FC236}">
                <a16:creationId xmlns:a16="http://schemas.microsoft.com/office/drawing/2014/main" id="{F00B5376-F81B-481E-BC84-E39647B73392}"/>
              </a:ext>
            </a:extLst>
          </p:cNvPr>
          <p:cNvSpPr>
            <a:spLocks noGrp="1"/>
          </p:cNvSpPr>
          <p:nvPr>
            <p:ph type="body" sz="quarter" idx="17"/>
          </p:nvPr>
        </p:nvSpPr>
        <p:spPr>
          <a:xfrm>
            <a:off x="334962" y="3565173"/>
            <a:ext cx="3600450" cy="2223324"/>
          </a:xfrm>
          <a:solidFill>
            <a:srgbClr val="28E6A5"/>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17" name="Textplatzhalter 13">
            <a:extLst>
              <a:ext uri="{FF2B5EF4-FFF2-40B4-BE49-F238E27FC236}">
                <a16:creationId xmlns:a16="http://schemas.microsoft.com/office/drawing/2014/main" id="{908EC0EC-6022-4DAC-914D-713D914F5DDF}"/>
              </a:ext>
            </a:extLst>
          </p:cNvPr>
          <p:cNvSpPr>
            <a:spLocks noGrp="1"/>
          </p:cNvSpPr>
          <p:nvPr>
            <p:ph type="body" sz="quarter" idx="18"/>
          </p:nvPr>
        </p:nvSpPr>
        <p:spPr>
          <a:xfrm>
            <a:off x="4151312" y="3565173"/>
            <a:ext cx="3600450" cy="2223324"/>
          </a:xfrm>
          <a:solidFill>
            <a:srgbClr val="FF7382"/>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18" name="Textplatzhalter 13">
            <a:extLst>
              <a:ext uri="{FF2B5EF4-FFF2-40B4-BE49-F238E27FC236}">
                <a16:creationId xmlns:a16="http://schemas.microsoft.com/office/drawing/2014/main" id="{913D9960-95C3-4970-914A-4C82644A83B8}"/>
              </a:ext>
            </a:extLst>
          </p:cNvPr>
          <p:cNvSpPr>
            <a:spLocks noGrp="1"/>
          </p:cNvSpPr>
          <p:nvPr>
            <p:ph type="body" sz="quarter" idx="19"/>
          </p:nvPr>
        </p:nvSpPr>
        <p:spPr>
          <a:xfrm>
            <a:off x="7967663" y="3565173"/>
            <a:ext cx="3600450" cy="2223324"/>
          </a:xfrm>
          <a:solidFill>
            <a:srgbClr val="46CFF0"/>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4" name="TextBox 3">
            <a:extLst>
              <a:ext uri="{FF2B5EF4-FFF2-40B4-BE49-F238E27FC236}">
                <a16:creationId xmlns:a16="http://schemas.microsoft.com/office/drawing/2014/main" id="{73D72B94-DFE5-468A-A521-13401253A5AB}"/>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0" name="Datumsplatzhalter 2">
            <a:extLst>
              <a:ext uri="{FF2B5EF4-FFF2-40B4-BE49-F238E27FC236}">
                <a16:creationId xmlns:a16="http://schemas.microsoft.com/office/drawing/2014/main" id="{98AFF49E-7294-4BE4-1BFD-4DCF68A1A4FB}"/>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113887599"/>
      </p:ext>
    </p:extLst>
  </p:cSld>
  <p:clrMapOvr>
    <a:masterClrMapping/>
  </p:clrMapOvr>
  <p:hf hdr="0"/>
</p:sldLayout>
</file>

<file path=ppt/slideLayouts/slideLayout18.xml><?xml version="1.0" encoding="utf-8"?>
<p:sldLayout xmlns:a="http://schemas.openxmlformats.org/drawingml/2006/main" xmlns:r="http://schemas.openxmlformats.org/officeDocument/2006/relationships" xmlns:p="http://schemas.openxmlformats.org/presentationml/2006/main" matchingName="Kernaussage und Textboxen grau" preserve="1" userDrawn="1">
  <p:cSld name="Kernaussage und Textboxen grau">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5" name="Foliennummernplatzhalter 4">
            <a:extLst>
              <a:ext uri="{FF2B5EF4-FFF2-40B4-BE49-F238E27FC236}">
                <a16:creationId xmlns:a16="http://schemas.microsoft.com/office/drawing/2014/main" id="{08115D81-FF48-4AE3-A42E-583B7F71D88B}"/>
              </a:ext>
            </a:extLst>
          </p:cNvPr>
          <p:cNvSpPr>
            <a:spLocks noGrp="1"/>
          </p:cNvSpPr>
          <p:nvPr>
            <p:ph type="sldNum" sz="quarter" idx="15"/>
          </p:nvPr>
        </p:nvSpPr>
        <p:spPr/>
        <p:txBody>
          <a:bodyPr/>
          <a:lstStyle/>
          <a:p>
            <a:fld id="{5BD0E8A3-4AFF-4FAB-8FBB-D4775C40FDD4}" type="slidenum">
              <a:rPr lang="fr-CH" smtClean="0"/>
              <a:pPr/>
              <a:t>‹N°›</a:t>
            </a:fld>
            <a:endParaRPr lang="fr-CH" dirty="0"/>
          </a:p>
        </p:txBody>
      </p:sp>
      <p:sp>
        <p:nvSpPr>
          <p:cNvPr id="12" name="Text Placeholder 12">
            <a:extLst>
              <a:ext uri="{FF2B5EF4-FFF2-40B4-BE49-F238E27FC236}">
                <a16:creationId xmlns:a16="http://schemas.microsoft.com/office/drawing/2014/main" id="{8AEC8449-CBB7-4288-8CAB-4EB56EB218A2}"/>
              </a:ext>
            </a:extLst>
          </p:cNvPr>
          <p:cNvSpPr>
            <a:spLocks noGrp="1"/>
          </p:cNvSpPr>
          <p:nvPr>
            <p:ph type="body" sz="quarter" idx="16" hasCustomPrompt="1"/>
          </p:nvPr>
        </p:nvSpPr>
        <p:spPr>
          <a:xfrm>
            <a:off x="334963" y="1125540"/>
            <a:ext cx="4824412" cy="2087436"/>
          </a:xfrm>
        </p:spPr>
        <p:txBody>
          <a:bodyPr/>
          <a:lstStyle>
            <a:lvl1pPr marL="0" indent="0">
              <a:lnSpc>
                <a:spcPct val="100000"/>
              </a:lnSpc>
              <a:buNone/>
              <a:defRPr sz="2000"/>
            </a:lvl1pPr>
          </a:lstStyle>
          <a:p>
            <a:pPr lvl="0"/>
            <a:r>
              <a:rPr lang="fr-CH" dirty="0" err="1"/>
              <a:t>Kernaussage</a:t>
            </a:r>
            <a:endParaRPr lang="fr-CH" dirty="0"/>
          </a:p>
        </p:txBody>
      </p:sp>
      <p:sp>
        <p:nvSpPr>
          <p:cNvPr id="14" name="Textplatzhalter 13">
            <a:extLst>
              <a:ext uri="{FF2B5EF4-FFF2-40B4-BE49-F238E27FC236}">
                <a16:creationId xmlns:a16="http://schemas.microsoft.com/office/drawing/2014/main" id="{F00B5376-F81B-481E-BC84-E39647B73392}"/>
              </a:ext>
            </a:extLst>
          </p:cNvPr>
          <p:cNvSpPr>
            <a:spLocks noGrp="1"/>
          </p:cNvSpPr>
          <p:nvPr>
            <p:ph type="body" sz="quarter" idx="17"/>
          </p:nvPr>
        </p:nvSpPr>
        <p:spPr>
          <a:xfrm>
            <a:off x="334962" y="3565173"/>
            <a:ext cx="3600450" cy="2223324"/>
          </a:xfrm>
          <a:solidFill>
            <a:srgbClr val="F0F0F0"/>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17" name="Textplatzhalter 13">
            <a:extLst>
              <a:ext uri="{FF2B5EF4-FFF2-40B4-BE49-F238E27FC236}">
                <a16:creationId xmlns:a16="http://schemas.microsoft.com/office/drawing/2014/main" id="{908EC0EC-6022-4DAC-914D-713D914F5DDF}"/>
              </a:ext>
            </a:extLst>
          </p:cNvPr>
          <p:cNvSpPr>
            <a:spLocks noGrp="1"/>
          </p:cNvSpPr>
          <p:nvPr>
            <p:ph type="body" sz="quarter" idx="18"/>
          </p:nvPr>
        </p:nvSpPr>
        <p:spPr>
          <a:xfrm>
            <a:off x="4151312" y="3565173"/>
            <a:ext cx="3600450" cy="2223324"/>
          </a:xfrm>
          <a:solidFill>
            <a:srgbClr val="F0F0F0"/>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18" name="Textplatzhalter 13">
            <a:extLst>
              <a:ext uri="{FF2B5EF4-FFF2-40B4-BE49-F238E27FC236}">
                <a16:creationId xmlns:a16="http://schemas.microsoft.com/office/drawing/2014/main" id="{913D9960-95C3-4970-914A-4C82644A83B8}"/>
              </a:ext>
            </a:extLst>
          </p:cNvPr>
          <p:cNvSpPr>
            <a:spLocks noGrp="1"/>
          </p:cNvSpPr>
          <p:nvPr>
            <p:ph type="body" sz="quarter" idx="19"/>
          </p:nvPr>
        </p:nvSpPr>
        <p:spPr>
          <a:xfrm>
            <a:off x="7967663" y="3565173"/>
            <a:ext cx="3600450" cy="2223324"/>
          </a:xfrm>
          <a:solidFill>
            <a:srgbClr val="F0F0F0"/>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4" name="TextBox 3">
            <a:extLst>
              <a:ext uri="{FF2B5EF4-FFF2-40B4-BE49-F238E27FC236}">
                <a16:creationId xmlns:a16="http://schemas.microsoft.com/office/drawing/2014/main" id="{06F1D3B2-4BD9-44FC-BC42-25CEC8A483A8}"/>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0" name="Datumsplatzhalter 2">
            <a:extLst>
              <a:ext uri="{FF2B5EF4-FFF2-40B4-BE49-F238E27FC236}">
                <a16:creationId xmlns:a16="http://schemas.microsoft.com/office/drawing/2014/main" id="{7353C1AF-EBA7-3AED-0DF6-937BDBD67E89}"/>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1707090853"/>
      </p:ext>
    </p:extLst>
  </p:cSld>
  <p:clrMapOvr>
    <a:masterClrMapping/>
  </p:clrMapOvr>
  <p:hf hdr="0"/>
</p:sldLayout>
</file>

<file path=ppt/slideLayouts/slideLayout19.xml><?xml version="1.0" encoding="utf-8"?>
<p:sldLayout xmlns:a="http://schemas.openxmlformats.org/drawingml/2006/main" xmlns:r="http://schemas.openxmlformats.org/officeDocument/2006/relationships" xmlns:p="http://schemas.openxmlformats.org/presentationml/2006/main" matchingName="Kernaussage und zwei Inhalte akzentuiert" preserve="1" userDrawn="1">
  <p:cSld name="Kernaussage und zwei Inhalte akzentuiert">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1" y="-429"/>
            <a:ext cx="352782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4151710" y="1125539"/>
            <a:ext cx="3600053" cy="4824411"/>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0" name="Content Placeholder 3">
            <a:extLst>
              <a:ext uri="{FF2B5EF4-FFF2-40B4-BE49-F238E27FC236}">
                <a16:creationId xmlns:a16="http://schemas.microsoft.com/office/drawing/2014/main" id="{9DF61BE2-36BA-4FF2-BC8E-9F351048A87F}"/>
              </a:ext>
            </a:extLst>
          </p:cNvPr>
          <p:cNvSpPr>
            <a:spLocks noGrp="1"/>
          </p:cNvSpPr>
          <p:nvPr>
            <p:ph sz="half" idx="14"/>
          </p:nvPr>
        </p:nvSpPr>
        <p:spPr>
          <a:xfrm>
            <a:off x="7968060" y="1125539"/>
            <a:ext cx="3600053" cy="4824412"/>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hasCustomPrompt="1"/>
          </p:nvPr>
        </p:nvSpPr>
        <p:spPr>
          <a:xfrm>
            <a:off x="334963" y="1125539"/>
            <a:ext cx="2879725" cy="4814886"/>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0BC91321-5988-4225-9B91-B681EB362D02}"/>
              </a:ext>
            </a:extLst>
          </p:cNvPr>
          <p:cNvSpPr>
            <a:spLocks noGrp="1"/>
          </p:cNvSpPr>
          <p:nvPr>
            <p:ph type="sldNum" sz="quarter" idx="16"/>
          </p:nvPr>
        </p:nvSpPr>
        <p:spPr/>
        <p:txBody>
          <a:bodyPr/>
          <a:lstStyle/>
          <a:p>
            <a:fld id="{38C21FDE-1A67-44F7-8C18-0264E8823DB2}" type="slidenum">
              <a:rPr lang="fr-CH" smtClean="0"/>
              <a:pPr/>
              <a:t>‹N°›</a:t>
            </a:fld>
            <a:endParaRPr lang="fr-CH" dirty="0"/>
          </a:p>
        </p:txBody>
      </p:sp>
      <p:sp>
        <p:nvSpPr>
          <p:cNvPr id="6" name="TextBox 5">
            <a:extLst>
              <a:ext uri="{FF2B5EF4-FFF2-40B4-BE49-F238E27FC236}">
                <a16:creationId xmlns:a16="http://schemas.microsoft.com/office/drawing/2014/main" id="{E628BCB3-4A9D-4A75-B80D-1AD3CB0B3B1A}"/>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14" name="Datumsplatzhalter 4">
            <a:extLst>
              <a:ext uri="{FF2B5EF4-FFF2-40B4-BE49-F238E27FC236}">
                <a16:creationId xmlns:a16="http://schemas.microsoft.com/office/drawing/2014/main" id="{9CEA3E86-D044-CB51-E5D3-AB30C13DC2AE}"/>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5" name="Date dynamic" descr="{&quot;templafy&quot;:{&quot;id&quot;:&quot;ea8779a2-4d93-429c-8f83-5fb2c5a2a836&quot;}}">
            <a:extLst>
              <a:ext uri="{FF2B5EF4-FFF2-40B4-BE49-F238E27FC236}">
                <a16:creationId xmlns:a16="http://schemas.microsoft.com/office/drawing/2014/main" id="{B335127A-9D19-1C8B-1A04-849C93923D46}"/>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5" name="Confidentiality dynamic" descr="{&quot;templafy&quot;:{&quot;id&quot;:&quot;b85c6f74-4b6d-4826-96e2-690561694146&quot;}}">
            <a:extLst>
              <a:ext uri="{FF2B5EF4-FFF2-40B4-BE49-F238E27FC236}">
                <a16:creationId xmlns:a16="http://schemas.microsoft.com/office/drawing/2014/main" id="{50FBC63D-B946-275D-5DF7-0682A9DB78C6}"/>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2328247966"/>
      </p:ext>
    </p:extLst>
  </p:cSld>
  <p:clrMapOvr>
    <a:masterClrMapping/>
  </p:clrMapOvr>
  <p:hf hdr="0"/>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matchingName="Titelfolie mit Bild" preserve="1" userDrawn="1">
  <p:cSld name="Titelfolie mit Bild">
    <p:bg>
      <p:bgPr>
        <a:blipFill dpi="0" rotWithShape="1">
          <a:blip r:embed="rId5">
            <a:lum/>
          </a:blip>
          <a:srcRect/>
          <a:stretch>
            <a:fillRect l="-4000" r="-4000"/>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6D447A3-1908-49AF-8A13-C55C4C31B90A}"/>
              </a:ext>
            </a:extLst>
          </p:cNvPr>
          <p:cNvSpPr>
            <a:spLocks noGrp="1"/>
          </p:cNvSpPr>
          <p:nvPr>
            <p:ph type="ctrTitle"/>
          </p:nvPr>
        </p:nvSpPr>
        <p:spPr>
          <a:xfrm>
            <a:off x="334963" y="1484784"/>
            <a:ext cx="7345213" cy="2911302"/>
          </a:xfrm>
        </p:spPr>
        <p:txBody>
          <a:bodyPr anchor="b"/>
          <a:lstStyle>
            <a:lvl1pPr algn="l">
              <a:lnSpc>
                <a:spcPct val="100000"/>
              </a:lnSpc>
              <a:defRPr sz="3000" b="0">
                <a:solidFill>
                  <a:schemeClr val="bg1"/>
                </a:solidFill>
              </a:defRPr>
            </a:lvl1pPr>
          </a:lstStyle>
          <a:p>
            <a:r>
              <a:rPr lang="fr-CH" dirty="0" err="1"/>
              <a:t>Mastertitelformat</a:t>
            </a:r>
            <a:r>
              <a:rPr lang="fr-CH" dirty="0"/>
              <a:t> </a:t>
            </a:r>
            <a:r>
              <a:rPr lang="fr-CH" dirty="0" err="1"/>
              <a:t>bearbeiten</a:t>
            </a:r>
            <a:endParaRPr lang="fr-CH" dirty="0"/>
          </a:p>
        </p:txBody>
      </p:sp>
      <p:sp>
        <p:nvSpPr>
          <p:cNvPr id="3" name="Subtitle 2">
            <a:extLst>
              <a:ext uri="{FF2B5EF4-FFF2-40B4-BE49-F238E27FC236}">
                <a16:creationId xmlns:a16="http://schemas.microsoft.com/office/drawing/2014/main" id="{08D7740A-619B-49A7-AB15-127E79F1D3A8}"/>
              </a:ext>
            </a:extLst>
          </p:cNvPr>
          <p:cNvSpPr>
            <a:spLocks noGrp="1"/>
          </p:cNvSpPr>
          <p:nvPr>
            <p:ph type="subTitle" idx="1"/>
          </p:nvPr>
        </p:nvSpPr>
        <p:spPr>
          <a:xfrm>
            <a:off x="334963" y="4840560"/>
            <a:ext cx="5761037" cy="1109390"/>
          </a:xfrm>
        </p:spPr>
        <p:txBody>
          <a:bodyPr/>
          <a:lstStyle>
            <a:lvl1pPr marL="0" indent="0" algn="l">
              <a:spcBef>
                <a:spcPts val="0"/>
              </a:spcBef>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fr-CH" dirty="0"/>
              <a:t>Master-</a:t>
            </a:r>
            <a:r>
              <a:rPr lang="fr-CH" dirty="0" err="1"/>
              <a:t>Untertitelformat</a:t>
            </a:r>
            <a:r>
              <a:rPr lang="fr-CH" dirty="0"/>
              <a:t> </a:t>
            </a:r>
            <a:r>
              <a:rPr lang="fr-CH" dirty="0" err="1"/>
              <a:t>bearbeiten</a:t>
            </a:r>
            <a:endParaRPr lang="fr-CH" dirty="0"/>
          </a:p>
        </p:txBody>
      </p:sp>
      <p:pic>
        <p:nvPicPr>
          <p:cNvPr id="8" name="Graphic 7">
            <a:extLst>
              <a:ext uri="{FF2B5EF4-FFF2-40B4-BE49-F238E27FC236}">
                <a16:creationId xmlns:a16="http://schemas.microsoft.com/office/drawing/2014/main" id="{6E792163-5D64-4279-91CD-805293592AD9}"/>
              </a:ext>
            </a:extLst>
          </p:cNvPr>
          <p:cNvPicPr>
            <a:picLocks noChangeAspect="1"/>
          </p:cNvPicPr>
          <p:nvPr userDrawn="1">
            <p:custDataLst>
              <p:tags r:id="rId1"/>
            </p:custDataLst>
          </p:nvPr>
        </p:nvPicPr>
        <p:blipFill>
          <a:blip r:embed="rId6" cstate="hqprint">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a:xfrm>
            <a:off x="11546988" y="6260769"/>
            <a:ext cx="299851" cy="341998"/>
          </a:xfrm>
          <a:prstGeom prst="rect">
            <a:avLst/>
          </a:prstGeom>
        </p:spPr>
      </p:pic>
      <p:sp>
        <p:nvSpPr>
          <p:cNvPr id="4" name="TextBox 3">
            <a:extLst>
              <a:ext uri="{FF2B5EF4-FFF2-40B4-BE49-F238E27FC236}">
                <a16:creationId xmlns:a16="http://schemas.microsoft.com/office/drawing/2014/main" id="{12EA6757-37CF-4278-8B7C-F33BEF0BBB2C}"/>
              </a:ext>
            </a:extLst>
          </p:cNvPr>
          <p:cNvSpPr txBox="1">
            <a:spLocks/>
          </p:cNvSpPr>
          <p:nvPr userDrawn="1">
            <p:custDataLst>
              <p:tags r:id="rId2"/>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bg1"/>
              </a:solidFill>
            </a:endParaRPr>
          </a:p>
        </p:txBody>
      </p:sp>
      <p:sp>
        <p:nvSpPr>
          <p:cNvPr id="5" name="Grafik 8">
            <a:extLst>
              <a:ext uri="{FF2B5EF4-FFF2-40B4-BE49-F238E27FC236}">
                <a16:creationId xmlns:a16="http://schemas.microsoft.com/office/drawing/2014/main" id="{EA14877C-7F52-4BEE-AFF3-AC63854971F7}"/>
              </a:ext>
            </a:extLst>
          </p:cNvPr>
          <p:cNvSpPr/>
          <p:nvPr userDrawn="1">
            <p:custDataLst>
              <p:tags r:id="rId3"/>
            </p:custDataLst>
          </p:nvPr>
        </p:nvSpPr>
        <p:spPr>
          <a:xfrm rot="16200000">
            <a:off x="11255014" y="762554"/>
            <a:ext cx="1080483" cy="193634"/>
          </a:xfrm>
          <a:custGeom>
            <a:avLst/>
            <a:gdLst>
              <a:gd name="connsiteX0" fmla="*/ 1026846 w 1080483"/>
              <a:gd name="connsiteY0" fmla="*/ 150260 h 193634"/>
              <a:gd name="connsiteX1" fmla="*/ 1039045 w 1080483"/>
              <a:gd name="connsiteY1" fmla="*/ 150260 h 193634"/>
              <a:gd name="connsiteX2" fmla="*/ 1039045 w 1080483"/>
              <a:gd name="connsiteY2" fmla="*/ 85006 h 193634"/>
              <a:gd name="connsiteX3" fmla="*/ 1042143 w 1080483"/>
              <a:gd name="connsiteY3" fmla="*/ 70870 h 193634"/>
              <a:gd name="connsiteX4" fmla="*/ 1050082 w 1080483"/>
              <a:gd name="connsiteY4" fmla="*/ 60608 h 193634"/>
              <a:gd name="connsiteX5" fmla="*/ 1060732 w 1080483"/>
              <a:gd name="connsiteY5" fmla="*/ 53830 h 193634"/>
              <a:gd name="connsiteX6" fmla="*/ 1071963 w 1080483"/>
              <a:gd name="connsiteY6" fmla="*/ 51894 h 193634"/>
              <a:gd name="connsiteX7" fmla="*/ 1078934 w 1080483"/>
              <a:gd name="connsiteY7" fmla="*/ 52475 h 193634"/>
              <a:gd name="connsiteX8" fmla="*/ 1080483 w 1080483"/>
              <a:gd name="connsiteY8" fmla="*/ 40857 h 193634"/>
              <a:gd name="connsiteX9" fmla="*/ 1076223 w 1080483"/>
              <a:gd name="connsiteY9" fmla="*/ 40276 h 193634"/>
              <a:gd name="connsiteX10" fmla="*/ 1071963 w 1080483"/>
              <a:gd name="connsiteY10" fmla="*/ 40082 h 193634"/>
              <a:gd name="connsiteX11" fmla="*/ 1054149 w 1080483"/>
              <a:gd name="connsiteY11" fmla="*/ 45117 h 193634"/>
              <a:gd name="connsiteX12" fmla="*/ 1039239 w 1080483"/>
              <a:gd name="connsiteY12" fmla="*/ 59446 h 193634"/>
              <a:gd name="connsiteX13" fmla="*/ 1039239 w 1080483"/>
              <a:gd name="connsiteY13" fmla="*/ 41825 h 193634"/>
              <a:gd name="connsiteX14" fmla="*/ 1027040 w 1080483"/>
              <a:gd name="connsiteY14" fmla="*/ 41825 h 193634"/>
              <a:gd name="connsiteX15" fmla="*/ 1027040 w 1080483"/>
              <a:gd name="connsiteY15" fmla="*/ 150260 h 193634"/>
              <a:gd name="connsiteX16" fmla="*/ 913570 w 1080483"/>
              <a:gd name="connsiteY16" fmla="*/ 88685 h 193634"/>
              <a:gd name="connsiteX17" fmla="*/ 924994 w 1080483"/>
              <a:gd name="connsiteY17" fmla="*/ 58284 h 193634"/>
              <a:gd name="connsiteX18" fmla="*/ 950167 w 1080483"/>
              <a:gd name="connsiteY18" fmla="*/ 48409 h 193634"/>
              <a:gd name="connsiteX19" fmla="*/ 965658 w 1080483"/>
              <a:gd name="connsiteY19" fmla="*/ 51313 h 193634"/>
              <a:gd name="connsiteX20" fmla="*/ 976114 w 1080483"/>
              <a:gd name="connsiteY20" fmla="*/ 59639 h 193634"/>
              <a:gd name="connsiteX21" fmla="*/ 981923 w 1080483"/>
              <a:gd name="connsiteY21" fmla="*/ 72419 h 193634"/>
              <a:gd name="connsiteX22" fmla="*/ 983859 w 1080483"/>
              <a:gd name="connsiteY22" fmla="*/ 88685 h 193634"/>
              <a:gd name="connsiteX23" fmla="*/ 913570 w 1080483"/>
              <a:gd name="connsiteY23" fmla="*/ 88685 h 193634"/>
              <a:gd name="connsiteX24" fmla="*/ 983085 w 1080483"/>
              <a:gd name="connsiteY24" fmla="*/ 121990 h 193634"/>
              <a:gd name="connsiteX25" fmla="*/ 979599 w 1080483"/>
              <a:gd name="connsiteY25" fmla="*/ 130703 h 193634"/>
              <a:gd name="connsiteX26" fmla="*/ 973597 w 1080483"/>
              <a:gd name="connsiteY26" fmla="*/ 137480 h 193634"/>
              <a:gd name="connsiteX27" fmla="*/ 964109 w 1080483"/>
              <a:gd name="connsiteY27" fmla="*/ 141934 h 193634"/>
              <a:gd name="connsiteX28" fmla="*/ 950167 w 1080483"/>
              <a:gd name="connsiteY28" fmla="*/ 143483 h 193634"/>
              <a:gd name="connsiteX29" fmla="*/ 934095 w 1080483"/>
              <a:gd name="connsiteY29" fmla="*/ 139998 h 193634"/>
              <a:gd name="connsiteX30" fmla="*/ 922477 w 1080483"/>
              <a:gd name="connsiteY30" fmla="*/ 130510 h 193634"/>
              <a:gd name="connsiteX31" fmla="*/ 915506 w 1080483"/>
              <a:gd name="connsiteY31" fmla="*/ 116374 h 193634"/>
              <a:gd name="connsiteX32" fmla="*/ 913183 w 1080483"/>
              <a:gd name="connsiteY32" fmla="*/ 98947 h 193634"/>
              <a:gd name="connsiteX33" fmla="*/ 996639 w 1080483"/>
              <a:gd name="connsiteY33" fmla="*/ 98947 h 193634"/>
              <a:gd name="connsiteX34" fmla="*/ 996639 w 1080483"/>
              <a:gd name="connsiteY34" fmla="*/ 91202 h 193634"/>
              <a:gd name="connsiteX35" fmla="*/ 994122 w 1080483"/>
              <a:gd name="connsiteY35" fmla="*/ 70289 h 193634"/>
              <a:gd name="connsiteX36" fmla="*/ 985989 w 1080483"/>
              <a:gd name="connsiteY36" fmla="*/ 53637 h 193634"/>
              <a:gd name="connsiteX37" fmla="*/ 971660 w 1080483"/>
              <a:gd name="connsiteY37" fmla="*/ 42406 h 193634"/>
              <a:gd name="connsiteX38" fmla="*/ 950167 w 1080483"/>
              <a:gd name="connsiteY38" fmla="*/ 38340 h 193634"/>
              <a:gd name="connsiteX39" fmla="*/ 930416 w 1080483"/>
              <a:gd name="connsiteY39" fmla="*/ 42212 h 193634"/>
              <a:gd name="connsiteX40" fmla="*/ 914925 w 1080483"/>
              <a:gd name="connsiteY40" fmla="*/ 53443 h 193634"/>
              <a:gd name="connsiteX41" fmla="*/ 904663 w 1080483"/>
              <a:gd name="connsiteY41" fmla="*/ 71838 h 193634"/>
              <a:gd name="connsiteX42" fmla="*/ 900983 w 1080483"/>
              <a:gd name="connsiteY42" fmla="*/ 97011 h 193634"/>
              <a:gd name="connsiteX43" fmla="*/ 913957 w 1080483"/>
              <a:gd name="connsiteY43" fmla="*/ 138449 h 193634"/>
              <a:gd name="connsiteX44" fmla="*/ 950167 w 1080483"/>
              <a:gd name="connsiteY44" fmla="*/ 153552 h 193634"/>
              <a:gd name="connsiteX45" fmla="*/ 981342 w 1080483"/>
              <a:gd name="connsiteY45" fmla="*/ 144645 h 193634"/>
              <a:gd name="connsiteX46" fmla="*/ 994896 w 1080483"/>
              <a:gd name="connsiteY46" fmla="*/ 121602 h 193634"/>
              <a:gd name="connsiteX47" fmla="*/ 983085 w 1080483"/>
              <a:gd name="connsiteY47" fmla="*/ 121602 h 193634"/>
              <a:gd name="connsiteX48" fmla="*/ 858771 w 1080483"/>
              <a:gd name="connsiteY48" fmla="*/ 95849 h 193634"/>
              <a:gd name="connsiteX49" fmla="*/ 854898 w 1080483"/>
              <a:gd name="connsiteY49" fmla="*/ 117149 h 193634"/>
              <a:gd name="connsiteX50" fmla="*/ 843668 w 1080483"/>
              <a:gd name="connsiteY50" fmla="*/ 131090 h 193634"/>
              <a:gd name="connsiteX51" fmla="*/ 833405 w 1080483"/>
              <a:gd name="connsiteY51" fmla="*/ 136319 h 193634"/>
              <a:gd name="connsiteX52" fmla="*/ 821593 w 1080483"/>
              <a:gd name="connsiteY52" fmla="*/ 137868 h 193634"/>
              <a:gd name="connsiteX53" fmla="*/ 809201 w 1080483"/>
              <a:gd name="connsiteY53" fmla="*/ 135544 h 193634"/>
              <a:gd name="connsiteX54" fmla="*/ 798163 w 1080483"/>
              <a:gd name="connsiteY54" fmla="*/ 127992 h 193634"/>
              <a:gd name="connsiteX55" fmla="*/ 790224 w 1080483"/>
              <a:gd name="connsiteY55" fmla="*/ 114438 h 193634"/>
              <a:gd name="connsiteX56" fmla="*/ 787126 w 1080483"/>
              <a:gd name="connsiteY56" fmla="*/ 93913 h 193634"/>
              <a:gd name="connsiteX57" fmla="*/ 789837 w 1080483"/>
              <a:gd name="connsiteY57" fmla="*/ 73387 h 193634"/>
              <a:gd name="connsiteX58" fmla="*/ 797389 w 1080483"/>
              <a:gd name="connsiteY58" fmla="*/ 59446 h 193634"/>
              <a:gd name="connsiteX59" fmla="*/ 808813 w 1080483"/>
              <a:gd name="connsiteY59" fmla="*/ 51507 h 193634"/>
              <a:gd name="connsiteX60" fmla="*/ 823142 w 1080483"/>
              <a:gd name="connsiteY60" fmla="*/ 48990 h 193634"/>
              <a:gd name="connsiteX61" fmla="*/ 834373 w 1080483"/>
              <a:gd name="connsiteY61" fmla="*/ 50732 h 193634"/>
              <a:gd name="connsiteX62" fmla="*/ 844442 w 1080483"/>
              <a:gd name="connsiteY62" fmla="*/ 56154 h 193634"/>
              <a:gd name="connsiteX63" fmla="*/ 851026 w 1080483"/>
              <a:gd name="connsiteY63" fmla="*/ 62157 h 193634"/>
              <a:gd name="connsiteX64" fmla="*/ 855479 w 1080483"/>
              <a:gd name="connsiteY64" fmla="*/ 69515 h 193634"/>
              <a:gd name="connsiteX65" fmla="*/ 857997 w 1080483"/>
              <a:gd name="connsiteY65" fmla="*/ 79003 h 193634"/>
              <a:gd name="connsiteX66" fmla="*/ 858771 w 1080483"/>
              <a:gd name="connsiteY66" fmla="*/ 91783 h 193634"/>
              <a:gd name="connsiteX67" fmla="*/ 858771 w 1080483"/>
              <a:gd name="connsiteY67" fmla="*/ 95849 h 193634"/>
              <a:gd name="connsiteX68" fmla="*/ 778219 w 1080483"/>
              <a:gd name="connsiteY68" fmla="*/ 162072 h 193634"/>
              <a:gd name="connsiteX69" fmla="*/ 783060 w 1080483"/>
              <a:gd name="connsiteY69" fmla="*/ 176788 h 193634"/>
              <a:gd name="connsiteX70" fmla="*/ 792935 w 1080483"/>
              <a:gd name="connsiteY70" fmla="*/ 186470 h 193634"/>
              <a:gd name="connsiteX71" fmla="*/ 806877 w 1080483"/>
              <a:gd name="connsiteY71" fmla="*/ 191892 h 193634"/>
              <a:gd name="connsiteX72" fmla="*/ 824110 w 1080483"/>
              <a:gd name="connsiteY72" fmla="*/ 193634 h 193634"/>
              <a:gd name="connsiteX73" fmla="*/ 859546 w 1080483"/>
              <a:gd name="connsiteY73" fmla="*/ 181048 h 193634"/>
              <a:gd name="connsiteX74" fmla="*/ 870776 w 1080483"/>
              <a:gd name="connsiteY74" fmla="*/ 146581 h 193634"/>
              <a:gd name="connsiteX75" fmla="*/ 870776 w 1080483"/>
              <a:gd name="connsiteY75" fmla="*/ 41825 h 193634"/>
              <a:gd name="connsiteX76" fmla="*/ 858577 w 1080483"/>
              <a:gd name="connsiteY76" fmla="*/ 41825 h 193634"/>
              <a:gd name="connsiteX77" fmla="*/ 858577 w 1080483"/>
              <a:gd name="connsiteY77" fmla="*/ 56735 h 193634"/>
              <a:gd name="connsiteX78" fmla="*/ 841538 w 1080483"/>
              <a:gd name="connsiteY78" fmla="*/ 42600 h 193634"/>
              <a:gd name="connsiteX79" fmla="*/ 823142 w 1080483"/>
              <a:gd name="connsiteY79" fmla="*/ 38727 h 193634"/>
              <a:gd name="connsiteX80" fmla="*/ 802617 w 1080483"/>
              <a:gd name="connsiteY80" fmla="*/ 42793 h 193634"/>
              <a:gd name="connsiteX81" fmla="*/ 787320 w 1080483"/>
              <a:gd name="connsiteY81" fmla="*/ 54024 h 193634"/>
              <a:gd name="connsiteX82" fmla="*/ 777638 w 1080483"/>
              <a:gd name="connsiteY82" fmla="*/ 71645 h 193634"/>
              <a:gd name="connsiteX83" fmla="*/ 774346 w 1080483"/>
              <a:gd name="connsiteY83" fmla="*/ 94687 h 193634"/>
              <a:gd name="connsiteX84" fmla="*/ 777057 w 1080483"/>
              <a:gd name="connsiteY84" fmla="*/ 115019 h 193634"/>
              <a:gd name="connsiteX85" fmla="*/ 785383 w 1080483"/>
              <a:gd name="connsiteY85" fmla="*/ 132446 h 193634"/>
              <a:gd name="connsiteX86" fmla="*/ 799906 w 1080483"/>
              <a:gd name="connsiteY86" fmla="*/ 144645 h 193634"/>
              <a:gd name="connsiteX87" fmla="*/ 820819 w 1080483"/>
              <a:gd name="connsiteY87" fmla="*/ 149098 h 193634"/>
              <a:gd name="connsiteX88" fmla="*/ 842699 w 1080483"/>
              <a:gd name="connsiteY88" fmla="*/ 143870 h 193634"/>
              <a:gd name="connsiteX89" fmla="*/ 858577 w 1080483"/>
              <a:gd name="connsiteY89" fmla="*/ 129154 h 193634"/>
              <a:gd name="connsiteX90" fmla="*/ 858577 w 1080483"/>
              <a:gd name="connsiteY90" fmla="*/ 145419 h 193634"/>
              <a:gd name="connsiteX91" fmla="*/ 850251 w 1080483"/>
              <a:gd name="connsiteY91" fmla="*/ 174852 h 193634"/>
              <a:gd name="connsiteX92" fmla="*/ 823917 w 1080483"/>
              <a:gd name="connsiteY92" fmla="*/ 183565 h 193634"/>
              <a:gd name="connsiteX93" fmla="*/ 800100 w 1080483"/>
              <a:gd name="connsiteY93" fmla="*/ 178337 h 193634"/>
              <a:gd name="connsiteX94" fmla="*/ 790031 w 1080483"/>
              <a:gd name="connsiteY94" fmla="*/ 162459 h 193634"/>
              <a:gd name="connsiteX95" fmla="*/ 778219 w 1080483"/>
              <a:gd name="connsiteY95" fmla="*/ 162459 h 193634"/>
              <a:gd name="connsiteX96" fmla="*/ 705799 w 1080483"/>
              <a:gd name="connsiteY96" fmla="*/ 150260 h 193634"/>
              <a:gd name="connsiteX97" fmla="*/ 717998 w 1080483"/>
              <a:gd name="connsiteY97" fmla="*/ 150260 h 193634"/>
              <a:gd name="connsiteX98" fmla="*/ 717998 w 1080483"/>
              <a:gd name="connsiteY98" fmla="*/ 85006 h 193634"/>
              <a:gd name="connsiteX99" fmla="*/ 721097 w 1080483"/>
              <a:gd name="connsiteY99" fmla="*/ 70870 h 193634"/>
              <a:gd name="connsiteX100" fmla="*/ 729036 w 1080483"/>
              <a:gd name="connsiteY100" fmla="*/ 60608 h 193634"/>
              <a:gd name="connsiteX101" fmla="*/ 739686 w 1080483"/>
              <a:gd name="connsiteY101" fmla="*/ 53830 h 193634"/>
              <a:gd name="connsiteX102" fmla="*/ 750916 w 1080483"/>
              <a:gd name="connsiteY102" fmla="*/ 51894 h 193634"/>
              <a:gd name="connsiteX103" fmla="*/ 757887 w 1080483"/>
              <a:gd name="connsiteY103" fmla="*/ 52475 h 193634"/>
              <a:gd name="connsiteX104" fmla="*/ 759436 w 1080483"/>
              <a:gd name="connsiteY104" fmla="*/ 40857 h 193634"/>
              <a:gd name="connsiteX105" fmla="*/ 755176 w 1080483"/>
              <a:gd name="connsiteY105" fmla="*/ 40276 h 193634"/>
              <a:gd name="connsiteX106" fmla="*/ 750916 w 1080483"/>
              <a:gd name="connsiteY106" fmla="*/ 40082 h 193634"/>
              <a:gd name="connsiteX107" fmla="*/ 733102 w 1080483"/>
              <a:gd name="connsiteY107" fmla="*/ 45117 h 193634"/>
              <a:gd name="connsiteX108" fmla="*/ 718192 w 1080483"/>
              <a:gd name="connsiteY108" fmla="*/ 59446 h 193634"/>
              <a:gd name="connsiteX109" fmla="*/ 718192 w 1080483"/>
              <a:gd name="connsiteY109" fmla="*/ 41825 h 193634"/>
              <a:gd name="connsiteX110" fmla="*/ 705993 w 1080483"/>
              <a:gd name="connsiteY110" fmla="*/ 41825 h 193634"/>
              <a:gd name="connsiteX111" fmla="*/ 705993 w 1080483"/>
              <a:gd name="connsiteY111" fmla="*/ 150260 h 193634"/>
              <a:gd name="connsiteX112" fmla="*/ 585358 w 1080483"/>
              <a:gd name="connsiteY112" fmla="*/ 114051 h 193634"/>
              <a:gd name="connsiteX113" fmla="*/ 593298 w 1080483"/>
              <a:gd name="connsiteY113" fmla="*/ 143483 h 193634"/>
              <a:gd name="connsiteX114" fmla="*/ 619826 w 1080483"/>
              <a:gd name="connsiteY114" fmla="*/ 153552 h 193634"/>
              <a:gd name="connsiteX115" fmla="*/ 659133 w 1080483"/>
              <a:gd name="connsiteY115" fmla="*/ 132446 h 193634"/>
              <a:gd name="connsiteX116" fmla="*/ 659133 w 1080483"/>
              <a:gd name="connsiteY116" fmla="*/ 150067 h 193634"/>
              <a:gd name="connsiteX117" fmla="*/ 671332 w 1080483"/>
              <a:gd name="connsiteY117" fmla="*/ 150067 h 193634"/>
              <a:gd name="connsiteX118" fmla="*/ 671332 w 1080483"/>
              <a:gd name="connsiteY118" fmla="*/ 41631 h 193634"/>
              <a:gd name="connsiteX119" fmla="*/ 659133 w 1080483"/>
              <a:gd name="connsiteY119" fmla="*/ 41631 h 193634"/>
              <a:gd name="connsiteX120" fmla="*/ 659133 w 1080483"/>
              <a:gd name="connsiteY120" fmla="*/ 105143 h 193634"/>
              <a:gd name="connsiteX121" fmla="*/ 656035 w 1080483"/>
              <a:gd name="connsiteY121" fmla="*/ 121021 h 193634"/>
              <a:gd name="connsiteX122" fmla="*/ 646741 w 1080483"/>
              <a:gd name="connsiteY122" fmla="*/ 132252 h 193634"/>
              <a:gd name="connsiteX123" fmla="*/ 634348 w 1080483"/>
              <a:gd name="connsiteY123" fmla="*/ 139804 h 193634"/>
              <a:gd name="connsiteX124" fmla="*/ 621375 w 1080483"/>
              <a:gd name="connsiteY124" fmla="*/ 142321 h 193634"/>
              <a:gd name="connsiteX125" fmla="*/ 602979 w 1080483"/>
              <a:gd name="connsiteY125" fmla="*/ 134770 h 193634"/>
              <a:gd name="connsiteX126" fmla="*/ 597558 w 1080483"/>
              <a:gd name="connsiteY126" fmla="*/ 110178 h 193634"/>
              <a:gd name="connsiteX127" fmla="*/ 597558 w 1080483"/>
              <a:gd name="connsiteY127" fmla="*/ 41825 h 193634"/>
              <a:gd name="connsiteX128" fmla="*/ 585358 w 1080483"/>
              <a:gd name="connsiteY128" fmla="*/ 41825 h 193634"/>
              <a:gd name="connsiteX129" fmla="*/ 585358 w 1080483"/>
              <a:gd name="connsiteY129" fmla="*/ 114051 h 193634"/>
              <a:gd name="connsiteX130" fmla="*/ 470920 w 1080483"/>
              <a:gd name="connsiteY130" fmla="*/ 91008 h 193634"/>
              <a:gd name="connsiteX131" fmla="*/ 474987 w 1080483"/>
              <a:gd name="connsiteY131" fmla="*/ 69902 h 193634"/>
              <a:gd name="connsiteX132" fmla="*/ 486411 w 1080483"/>
              <a:gd name="connsiteY132" fmla="*/ 56154 h 193634"/>
              <a:gd name="connsiteX133" fmla="*/ 496867 w 1080483"/>
              <a:gd name="connsiteY133" fmla="*/ 50732 h 193634"/>
              <a:gd name="connsiteX134" fmla="*/ 508679 w 1080483"/>
              <a:gd name="connsiteY134" fmla="*/ 49183 h 193634"/>
              <a:gd name="connsiteX135" fmla="*/ 520684 w 1080483"/>
              <a:gd name="connsiteY135" fmla="*/ 51313 h 193634"/>
              <a:gd name="connsiteX136" fmla="*/ 531722 w 1080483"/>
              <a:gd name="connsiteY136" fmla="*/ 58865 h 193634"/>
              <a:gd name="connsiteX137" fmla="*/ 539661 w 1080483"/>
              <a:gd name="connsiteY137" fmla="*/ 73000 h 193634"/>
              <a:gd name="connsiteX138" fmla="*/ 542759 w 1080483"/>
              <a:gd name="connsiteY138" fmla="*/ 95074 h 193634"/>
              <a:gd name="connsiteX139" fmla="*/ 540048 w 1080483"/>
              <a:gd name="connsiteY139" fmla="*/ 117342 h 193634"/>
              <a:gd name="connsiteX140" fmla="*/ 532496 w 1080483"/>
              <a:gd name="connsiteY140" fmla="*/ 132252 h 193634"/>
              <a:gd name="connsiteX141" fmla="*/ 521265 w 1080483"/>
              <a:gd name="connsiteY141" fmla="*/ 140579 h 193634"/>
              <a:gd name="connsiteX142" fmla="*/ 506936 w 1080483"/>
              <a:gd name="connsiteY142" fmla="*/ 143289 h 193634"/>
              <a:gd name="connsiteX143" fmla="*/ 495318 w 1080483"/>
              <a:gd name="connsiteY143" fmla="*/ 141547 h 193634"/>
              <a:gd name="connsiteX144" fmla="*/ 485443 w 1080483"/>
              <a:gd name="connsiteY144" fmla="*/ 136125 h 193634"/>
              <a:gd name="connsiteX145" fmla="*/ 478666 w 1080483"/>
              <a:gd name="connsiteY145" fmla="*/ 130122 h 193634"/>
              <a:gd name="connsiteX146" fmla="*/ 474212 w 1080483"/>
              <a:gd name="connsiteY146" fmla="*/ 122571 h 193634"/>
              <a:gd name="connsiteX147" fmla="*/ 471695 w 1080483"/>
              <a:gd name="connsiteY147" fmla="*/ 113082 h 193634"/>
              <a:gd name="connsiteX148" fmla="*/ 470920 w 1080483"/>
              <a:gd name="connsiteY148" fmla="*/ 100496 h 193634"/>
              <a:gd name="connsiteX149" fmla="*/ 470920 w 1080483"/>
              <a:gd name="connsiteY149" fmla="*/ 91008 h 193634"/>
              <a:gd name="connsiteX150" fmla="*/ 459109 w 1080483"/>
              <a:gd name="connsiteY150" fmla="*/ 150260 h 193634"/>
              <a:gd name="connsiteX151" fmla="*/ 471307 w 1080483"/>
              <a:gd name="connsiteY151" fmla="*/ 150260 h 193634"/>
              <a:gd name="connsiteX152" fmla="*/ 471307 w 1080483"/>
              <a:gd name="connsiteY152" fmla="*/ 135544 h 193634"/>
              <a:gd name="connsiteX153" fmla="*/ 487960 w 1080483"/>
              <a:gd name="connsiteY153" fmla="*/ 149679 h 193634"/>
              <a:gd name="connsiteX154" fmla="*/ 506936 w 1080483"/>
              <a:gd name="connsiteY154" fmla="*/ 153746 h 193634"/>
              <a:gd name="connsiteX155" fmla="*/ 527074 w 1080483"/>
              <a:gd name="connsiteY155" fmla="*/ 149679 h 193634"/>
              <a:gd name="connsiteX156" fmla="*/ 542372 w 1080483"/>
              <a:gd name="connsiteY156" fmla="*/ 138061 h 193634"/>
              <a:gd name="connsiteX157" fmla="*/ 552247 w 1080483"/>
              <a:gd name="connsiteY157" fmla="*/ 119666 h 193634"/>
              <a:gd name="connsiteX158" fmla="*/ 555732 w 1080483"/>
              <a:gd name="connsiteY158" fmla="*/ 94881 h 193634"/>
              <a:gd name="connsiteX159" fmla="*/ 552828 w 1080483"/>
              <a:gd name="connsiteY159" fmla="*/ 72613 h 193634"/>
              <a:gd name="connsiteX160" fmla="*/ 544114 w 1080483"/>
              <a:gd name="connsiteY160" fmla="*/ 54799 h 193634"/>
              <a:gd name="connsiteX161" fmla="*/ 529398 w 1080483"/>
              <a:gd name="connsiteY161" fmla="*/ 42987 h 193634"/>
              <a:gd name="connsiteX162" fmla="*/ 508679 w 1080483"/>
              <a:gd name="connsiteY162" fmla="*/ 38727 h 193634"/>
              <a:gd name="connsiteX163" fmla="*/ 487186 w 1080483"/>
              <a:gd name="connsiteY163" fmla="*/ 43955 h 193634"/>
              <a:gd name="connsiteX164" fmla="*/ 470920 w 1080483"/>
              <a:gd name="connsiteY164" fmla="*/ 58284 h 193634"/>
              <a:gd name="connsiteX165" fmla="*/ 470920 w 1080483"/>
              <a:gd name="connsiteY165" fmla="*/ 194 h 193634"/>
              <a:gd name="connsiteX166" fmla="*/ 458721 w 1080483"/>
              <a:gd name="connsiteY166" fmla="*/ 194 h 193634"/>
              <a:gd name="connsiteX167" fmla="*/ 458721 w 1080483"/>
              <a:gd name="connsiteY167" fmla="*/ 150260 h 193634"/>
              <a:gd name="connsiteX168" fmla="*/ 274768 w 1080483"/>
              <a:gd name="connsiteY168" fmla="*/ 150260 h 193634"/>
              <a:gd name="connsiteX169" fmla="*/ 286967 w 1080483"/>
              <a:gd name="connsiteY169" fmla="*/ 150260 h 193634"/>
              <a:gd name="connsiteX170" fmla="*/ 286967 w 1080483"/>
              <a:gd name="connsiteY170" fmla="*/ 86167 h 193634"/>
              <a:gd name="connsiteX171" fmla="*/ 288129 w 1080483"/>
              <a:gd name="connsiteY171" fmla="*/ 76486 h 193634"/>
              <a:gd name="connsiteX172" fmla="*/ 291033 w 1080483"/>
              <a:gd name="connsiteY172" fmla="*/ 69127 h 193634"/>
              <a:gd name="connsiteX173" fmla="*/ 294906 w 1080483"/>
              <a:gd name="connsiteY173" fmla="*/ 63706 h 193634"/>
              <a:gd name="connsiteX174" fmla="*/ 298972 w 1080483"/>
              <a:gd name="connsiteY174" fmla="*/ 59639 h 193634"/>
              <a:gd name="connsiteX175" fmla="*/ 310010 w 1080483"/>
              <a:gd name="connsiteY175" fmla="*/ 52088 h 193634"/>
              <a:gd name="connsiteX176" fmla="*/ 321821 w 1080483"/>
              <a:gd name="connsiteY176" fmla="*/ 49377 h 193634"/>
              <a:gd name="connsiteX177" fmla="*/ 338474 w 1080483"/>
              <a:gd name="connsiteY177" fmla="*/ 55960 h 193634"/>
              <a:gd name="connsiteX178" fmla="*/ 343896 w 1080483"/>
              <a:gd name="connsiteY178" fmla="*/ 78422 h 193634"/>
              <a:gd name="connsiteX179" fmla="*/ 343896 w 1080483"/>
              <a:gd name="connsiteY179" fmla="*/ 150260 h 193634"/>
              <a:gd name="connsiteX180" fmla="*/ 356095 w 1080483"/>
              <a:gd name="connsiteY180" fmla="*/ 150260 h 193634"/>
              <a:gd name="connsiteX181" fmla="*/ 356095 w 1080483"/>
              <a:gd name="connsiteY181" fmla="*/ 80939 h 193634"/>
              <a:gd name="connsiteX182" fmla="*/ 359387 w 1080483"/>
              <a:gd name="connsiteY182" fmla="*/ 67578 h 193634"/>
              <a:gd name="connsiteX183" fmla="*/ 367713 w 1080483"/>
              <a:gd name="connsiteY183" fmla="*/ 57897 h 193634"/>
              <a:gd name="connsiteX184" fmla="*/ 379525 w 1080483"/>
              <a:gd name="connsiteY184" fmla="*/ 51313 h 193634"/>
              <a:gd name="connsiteX185" fmla="*/ 390562 w 1080483"/>
              <a:gd name="connsiteY185" fmla="*/ 49570 h 193634"/>
              <a:gd name="connsiteX186" fmla="*/ 400437 w 1080483"/>
              <a:gd name="connsiteY186" fmla="*/ 50926 h 193634"/>
              <a:gd name="connsiteX187" fmla="*/ 407408 w 1080483"/>
              <a:gd name="connsiteY187" fmla="*/ 55573 h 193634"/>
              <a:gd name="connsiteX188" fmla="*/ 411668 w 1080483"/>
              <a:gd name="connsiteY188" fmla="*/ 64480 h 193634"/>
              <a:gd name="connsiteX189" fmla="*/ 413023 w 1080483"/>
              <a:gd name="connsiteY189" fmla="*/ 78422 h 193634"/>
              <a:gd name="connsiteX190" fmla="*/ 413023 w 1080483"/>
              <a:gd name="connsiteY190" fmla="*/ 150454 h 193634"/>
              <a:gd name="connsiteX191" fmla="*/ 425222 w 1080483"/>
              <a:gd name="connsiteY191" fmla="*/ 150454 h 193634"/>
              <a:gd name="connsiteX192" fmla="*/ 425222 w 1080483"/>
              <a:gd name="connsiteY192" fmla="*/ 73968 h 193634"/>
              <a:gd name="connsiteX193" fmla="*/ 416315 w 1080483"/>
              <a:gd name="connsiteY193" fmla="*/ 47053 h 193634"/>
              <a:gd name="connsiteX194" fmla="*/ 391917 w 1080483"/>
              <a:gd name="connsiteY194" fmla="*/ 38533 h 193634"/>
              <a:gd name="connsiteX195" fmla="*/ 370617 w 1080483"/>
              <a:gd name="connsiteY195" fmla="*/ 44149 h 193634"/>
              <a:gd name="connsiteX196" fmla="*/ 353384 w 1080483"/>
              <a:gd name="connsiteY196" fmla="*/ 59833 h 193634"/>
              <a:gd name="connsiteX197" fmla="*/ 342347 w 1080483"/>
              <a:gd name="connsiteY197" fmla="*/ 44149 h 193634"/>
              <a:gd name="connsiteX198" fmla="*/ 322402 w 1080483"/>
              <a:gd name="connsiteY198" fmla="*/ 38533 h 193634"/>
              <a:gd name="connsiteX199" fmla="*/ 303813 w 1080483"/>
              <a:gd name="connsiteY199" fmla="*/ 43761 h 193634"/>
              <a:gd name="connsiteX200" fmla="*/ 286580 w 1080483"/>
              <a:gd name="connsiteY200" fmla="*/ 59833 h 193634"/>
              <a:gd name="connsiteX201" fmla="*/ 286580 w 1080483"/>
              <a:gd name="connsiteY201" fmla="*/ 42019 h 193634"/>
              <a:gd name="connsiteX202" fmla="*/ 274381 w 1080483"/>
              <a:gd name="connsiteY202" fmla="*/ 42019 h 193634"/>
              <a:gd name="connsiteX203" fmla="*/ 274381 w 1080483"/>
              <a:gd name="connsiteY203" fmla="*/ 150260 h 193634"/>
              <a:gd name="connsiteX204" fmla="*/ 214935 w 1080483"/>
              <a:gd name="connsiteY204" fmla="*/ 149679 h 193634"/>
              <a:gd name="connsiteX205" fmla="*/ 231200 w 1080483"/>
              <a:gd name="connsiteY205" fmla="*/ 137868 h 193634"/>
              <a:gd name="connsiteX206" fmla="*/ 241463 w 1080483"/>
              <a:gd name="connsiteY206" fmla="*/ 119472 h 193634"/>
              <a:gd name="connsiteX207" fmla="*/ 245142 w 1080483"/>
              <a:gd name="connsiteY207" fmla="*/ 95462 h 193634"/>
              <a:gd name="connsiteX208" fmla="*/ 241656 w 1080483"/>
              <a:gd name="connsiteY208" fmla="*/ 72032 h 193634"/>
              <a:gd name="connsiteX209" fmla="*/ 231587 w 1080483"/>
              <a:gd name="connsiteY209" fmla="*/ 54024 h 193634"/>
              <a:gd name="connsiteX210" fmla="*/ 215516 w 1080483"/>
              <a:gd name="connsiteY210" fmla="*/ 42600 h 193634"/>
              <a:gd name="connsiteX211" fmla="*/ 194216 w 1080483"/>
              <a:gd name="connsiteY211" fmla="*/ 38533 h 193634"/>
              <a:gd name="connsiteX212" fmla="*/ 172916 w 1080483"/>
              <a:gd name="connsiteY212" fmla="*/ 42600 h 193634"/>
              <a:gd name="connsiteX213" fmla="*/ 156844 w 1080483"/>
              <a:gd name="connsiteY213" fmla="*/ 54218 h 193634"/>
              <a:gd name="connsiteX214" fmla="*/ 146582 w 1080483"/>
              <a:gd name="connsiteY214" fmla="*/ 72613 h 193634"/>
              <a:gd name="connsiteX215" fmla="*/ 142903 w 1080483"/>
              <a:gd name="connsiteY215" fmla="*/ 96624 h 193634"/>
              <a:gd name="connsiteX216" fmla="*/ 146388 w 1080483"/>
              <a:gd name="connsiteY216" fmla="*/ 120247 h 193634"/>
              <a:gd name="connsiteX217" fmla="*/ 156263 w 1080483"/>
              <a:gd name="connsiteY217" fmla="*/ 138255 h 193634"/>
              <a:gd name="connsiteX218" fmla="*/ 171948 w 1080483"/>
              <a:gd name="connsiteY218" fmla="*/ 149679 h 193634"/>
              <a:gd name="connsiteX219" fmla="*/ 193248 w 1080483"/>
              <a:gd name="connsiteY219" fmla="*/ 153746 h 193634"/>
              <a:gd name="connsiteX220" fmla="*/ 214935 w 1080483"/>
              <a:gd name="connsiteY220" fmla="*/ 149679 h 193634"/>
              <a:gd name="connsiteX221" fmla="*/ 176401 w 1080483"/>
              <a:gd name="connsiteY221" fmla="*/ 139417 h 193634"/>
              <a:gd name="connsiteX222" fmla="*/ 164590 w 1080483"/>
              <a:gd name="connsiteY222" fmla="*/ 129348 h 193634"/>
              <a:gd name="connsiteX223" fmla="*/ 158006 w 1080483"/>
              <a:gd name="connsiteY223" fmla="*/ 114438 h 193634"/>
              <a:gd name="connsiteX224" fmla="*/ 155876 w 1080483"/>
              <a:gd name="connsiteY224" fmla="*/ 95849 h 193634"/>
              <a:gd name="connsiteX225" fmla="*/ 158006 w 1080483"/>
              <a:gd name="connsiteY225" fmla="*/ 77454 h 193634"/>
              <a:gd name="connsiteX226" fmla="*/ 164590 w 1080483"/>
              <a:gd name="connsiteY226" fmla="*/ 62544 h 193634"/>
              <a:gd name="connsiteX227" fmla="*/ 176401 w 1080483"/>
              <a:gd name="connsiteY227" fmla="*/ 52475 h 193634"/>
              <a:gd name="connsiteX228" fmla="*/ 193829 w 1080483"/>
              <a:gd name="connsiteY228" fmla="*/ 48796 h 193634"/>
              <a:gd name="connsiteX229" fmla="*/ 211256 w 1080483"/>
              <a:gd name="connsiteY229" fmla="*/ 52475 h 193634"/>
              <a:gd name="connsiteX230" fmla="*/ 223067 w 1080483"/>
              <a:gd name="connsiteY230" fmla="*/ 62544 h 193634"/>
              <a:gd name="connsiteX231" fmla="*/ 229845 w 1080483"/>
              <a:gd name="connsiteY231" fmla="*/ 77454 h 193634"/>
              <a:gd name="connsiteX232" fmla="*/ 231975 w 1080483"/>
              <a:gd name="connsiteY232" fmla="*/ 95655 h 193634"/>
              <a:gd name="connsiteX233" fmla="*/ 229845 w 1080483"/>
              <a:gd name="connsiteY233" fmla="*/ 114438 h 193634"/>
              <a:gd name="connsiteX234" fmla="*/ 223067 w 1080483"/>
              <a:gd name="connsiteY234" fmla="*/ 129348 h 193634"/>
              <a:gd name="connsiteX235" fmla="*/ 211256 w 1080483"/>
              <a:gd name="connsiteY235" fmla="*/ 139417 h 193634"/>
              <a:gd name="connsiteX236" fmla="*/ 193829 w 1080483"/>
              <a:gd name="connsiteY236" fmla="*/ 143096 h 193634"/>
              <a:gd name="connsiteX237" fmla="*/ 176401 w 1080483"/>
              <a:gd name="connsiteY237" fmla="*/ 139417 h 193634"/>
              <a:gd name="connsiteX238" fmla="*/ 0 w 1080483"/>
              <a:gd name="connsiteY238" fmla="*/ 150260 h 193634"/>
              <a:gd name="connsiteX239" fmla="*/ 12780 w 1080483"/>
              <a:gd name="connsiteY239" fmla="*/ 150260 h 193634"/>
              <a:gd name="connsiteX240" fmla="*/ 12780 w 1080483"/>
              <a:gd name="connsiteY240" fmla="*/ 78616 h 193634"/>
              <a:gd name="connsiteX241" fmla="*/ 97592 w 1080483"/>
              <a:gd name="connsiteY241" fmla="*/ 78616 h 193634"/>
              <a:gd name="connsiteX242" fmla="*/ 97592 w 1080483"/>
              <a:gd name="connsiteY242" fmla="*/ 150454 h 193634"/>
              <a:gd name="connsiteX243" fmla="*/ 110372 w 1080483"/>
              <a:gd name="connsiteY243" fmla="*/ 150454 h 193634"/>
              <a:gd name="connsiteX244" fmla="*/ 110372 w 1080483"/>
              <a:gd name="connsiteY244" fmla="*/ 0 h 193634"/>
              <a:gd name="connsiteX245" fmla="*/ 97592 w 1080483"/>
              <a:gd name="connsiteY245" fmla="*/ 0 h 193634"/>
              <a:gd name="connsiteX246" fmla="*/ 97592 w 1080483"/>
              <a:gd name="connsiteY246" fmla="*/ 66610 h 193634"/>
              <a:gd name="connsiteX247" fmla="*/ 12780 w 1080483"/>
              <a:gd name="connsiteY247" fmla="*/ 66610 h 193634"/>
              <a:gd name="connsiteX248" fmla="*/ 12780 w 1080483"/>
              <a:gd name="connsiteY248" fmla="*/ 0 h 193634"/>
              <a:gd name="connsiteX249" fmla="*/ 0 w 1080483"/>
              <a:gd name="connsiteY249" fmla="*/ 0 h 193634"/>
              <a:gd name="connsiteX250" fmla="*/ 0 w 1080483"/>
              <a:gd name="connsiteY250" fmla="*/ 150260 h 193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1080483" h="193634">
                <a:moveTo>
                  <a:pt x="1026846" y="150260"/>
                </a:moveTo>
                <a:lnTo>
                  <a:pt x="1039045" y="150260"/>
                </a:lnTo>
                <a:lnTo>
                  <a:pt x="1039045" y="85006"/>
                </a:lnTo>
                <a:cubicBezTo>
                  <a:pt x="1039045" y="79584"/>
                  <a:pt x="1040013" y="74743"/>
                  <a:pt x="1042143" y="70870"/>
                </a:cubicBezTo>
                <a:cubicBezTo>
                  <a:pt x="1044273" y="66804"/>
                  <a:pt x="1046984" y="63512"/>
                  <a:pt x="1050082" y="60608"/>
                </a:cubicBezTo>
                <a:cubicBezTo>
                  <a:pt x="1053374" y="57316"/>
                  <a:pt x="1057053" y="55186"/>
                  <a:pt x="1060732" y="53830"/>
                </a:cubicBezTo>
                <a:cubicBezTo>
                  <a:pt x="1064605" y="52475"/>
                  <a:pt x="1068284" y="51894"/>
                  <a:pt x="1071963" y="51894"/>
                </a:cubicBezTo>
                <a:cubicBezTo>
                  <a:pt x="1074093" y="51894"/>
                  <a:pt x="1076417" y="52088"/>
                  <a:pt x="1078934" y="52475"/>
                </a:cubicBezTo>
                <a:lnTo>
                  <a:pt x="1080483" y="40857"/>
                </a:lnTo>
                <a:cubicBezTo>
                  <a:pt x="1078934" y="40663"/>
                  <a:pt x="1077579" y="40470"/>
                  <a:pt x="1076223" y="40276"/>
                </a:cubicBezTo>
                <a:cubicBezTo>
                  <a:pt x="1074868" y="40276"/>
                  <a:pt x="1073512" y="40082"/>
                  <a:pt x="1071963" y="40082"/>
                </a:cubicBezTo>
                <a:cubicBezTo>
                  <a:pt x="1065573" y="40082"/>
                  <a:pt x="1059764" y="41825"/>
                  <a:pt x="1054149" y="45117"/>
                </a:cubicBezTo>
                <a:cubicBezTo>
                  <a:pt x="1048533" y="48409"/>
                  <a:pt x="1043499" y="53249"/>
                  <a:pt x="1039239" y="59446"/>
                </a:cubicBezTo>
                <a:lnTo>
                  <a:pt x="1039239" y="41825"/>
                </a:lnTo>
                <a:lnTo>
                  <a:pt x="1027040" y="41825"/>
                </a:lnTo>
                <a:lnTo>
                  <a:pt x="1027040" y="150260"/>
                </a:lnTo>
                <a:close/>
                <a:moveTo>
                  <a:pt x="913570" y="88685"/>
                </a:moveTo>
                <a:cubicBezTo>
                  <a:pt x="914925" y="75130"/>
                  <a:pt x="918604" y="65061"/>
                  <a:pt x="924994" y="58284"/>
                </a:cubicBezTo>
                <a:cubicBezTo>
                  <a:pt x="931384" y="51700"/>
                  <a:pt x="939710" y="48409"/>
                  <a:pt x="950167" y="48409"/>
                </a:cubicBezTo>
                <a:cubicBezTo>
                  <a:pt x="956169" y="48409"/>
                  <a:pt x="961398" y="49377"/>
                  <a:pt x="965658" y="51313"/>
                </a:cubicBezTo>
                <a:cubicBezTo>
                  <a:pt x="969918" y="53249"/>
                  <a:pt x="973597" y="55960"/>
                  <a:pt x="976114" y="59639"/>
                </a:cubicBezTo>
                <a:cubicBezTo>
                  <a:pt x="978825" y="63318"/>
                  <a:pt x="980761" y="67385"/>
                  <a:pt x="981923" y="72419"/>
                </a:cubicBezTo>
                <a:cubicBezTo>
                  <a:pt x="983278" y="77260"/>
                  <a:pt x="983859" y="82682"/>
                  <a:pt x="983859" y="88685"/>
                </a:cubicBezTo>
                <a:lnTo>
                  <a:pt x="913570" y="88685"/>
                </a:lnTo>
                <a:close/>
                <a:moveTo>
                  <a:pt x="983085" y="121990"/>
                </a:moveTo>
                <a:cubicBezTo>
                  <a:pt x="982310" y="125281"/>
                  <a:pt x="981148" y="128186"/>
                  <a:pt x="979599" y="130703"/>
                </a:cubicBezTo>
                <a:cubicBezTo>
                  <a:pt x="978050" y="133220"/>
                  <a:pt x="976114" y="135544"/>
                  <a:pt x="973597" y="137480"/>
                </a:cubicBezTo>
                <a:cubicBezTo>
                  <a:pt x="971079" y="139417"/>
                  <a:pt x="967981" y="140966"/>
                  <a:pt x="964109" y="141934"/>
                </a:cubicBezTo>
                <a:cubicBezTo>
                  <a:pt x="960236" y="142902"/>
                  <a:pt x="955589" y="143483"/>
                  <a:pt x="950167" y="143483"/>
                </a:cubicBezTo>
                <a:cubicBezTo>
                  <a:pt x="944164" y="143483"/>
                  <a:pt x="938742" y="142321"/>
                  <a:pt x="934095" y="139998"/>
                </a:cubicBezTo>
                <a:cubicBezTo>
                  <a:pt x="929448" y="137674"/>
                  <a:pt x="925575" y="134576"/>
                  <a:pt x="922477" y="130510"/>
                </a:cubicBezTo>
                <a:cubicBezTo>
                  <a:pt x="919379" y="126443"/>
                  <a:pt x="917055" y="121796"/>
                  <a:pt x="915506" y="116374"/>
                </a:cubicBezTo>
                <a:cubicBezTo>
                  <a:pt x="913957" y="110953"/>
                  <a:pt x="913183" y="105143"/>
                  <a:pt x="913183" y="98947"/>
                </a:cubicBezTo>
                <a:lnTo>
                  <a:pt x="996639" y="98947"/>
                </a:lnTo>
                <a:lnTo>
                  <a:pt x="996639" y="91202"/>
                </a:lnTo>
                <a:cubicBezTo>
                  <a:pt x="996639" y="83844"/>
                  <a:pt x="995865" y="76873"/>
                  <a:pt x="994122" y="70289"/>
                </a:cubicBezTo>
                <a:cubicBezTo>
                  <a:pt x="992379" y="63899"/>
                  <a:pt x="989668" y="58284"/>
                  <a:pt x="985989" y="53637"/>
                </a:cubicBezTo>
                <a:cubicBezTo>
                  <a:pt x="982310" y="48990"/>
                  <a:pt x="977469" y="45310"/>
                  <a:pt x="971660" y="42406"/>
                </a:cubicBezTo>
                <a:cubicBezTo>
                  <a:pt x="965851" y="39695"/>
                  <a:pt x="958687" y="38340"/>
                  <a:pt x="950167" y="38340"/>
                </a:cubicBezTo>
                <a:cubicBezTo>
                  <a:pt x="943002" y="38340"/>
                  <a:pt x="936419" y="39695"/>
                  <a:pt x="930416" y="42212"/>
                </a:cubicBezTo>
                <a:cubicBezTo>
                  <a:pt x="924413" y="44730"/>
                  <a:pt x="919185" y="48409"/>
                  <a:pt x="914925" y="53443"/>
                </a:cubicBezTo>
                <a:cubicBezTo>
                  <a:pt x="910472" y="58478"/>
                  <a:pt x="906986" y="64480"/>
                  <a:pt x="904663" y="71838"/>
                </a:cubicBezTo>
                <a:cubicBezTo>
                  <a:pt x="902145" y="79196"/>
                  <a:pt x="900983" y="87523"/>
                  <a:pt x="900983" y="97011"/>
                </a:cubicBezTo>
                <a:cubicBezTo>
                  <a:pt x="900983" y="114632"/>
                  <a:pt x="905243" y="128380"/>
                  <a:pt x="913957" y="138449"/>
                </a:cubicBezTo>
                <a:cubicBezTo>
                  <a:pt x="922671" y="148518"/>
                  <a:pt x="934676" y="153552"/>
                  <a:pt x="950167" y="153552"/>
                </a:cubicBezTo>
                <a:cubicBezTo>
                  <a:pt x="963721" y="153552"/>
                  <a:pt x="973984" y="150648"/>
                  <a:pt x="981342" y="144645"/>
                </a:cubicBezTo>
                <a:cubicBezTo>
                  <a:pt x="988700" y="138836"/>
                  <a:pt x="993154" y="131090"/>
                  <a:pt x="994896" y="121602"/>
                </a:cubicBezTo>
                <a:lnTo>
                  <a:pt x="983085" y="121602"/>
                </a:lnTo>
                <a:close/>
                <a:moveTo>
                  <a:pt x="858771" y="95849"/>
                </a:moveTo>
                <a:cubicBezTo>
                  <a:pt x="858771" y="104369"/>
                  <a:pt x="857416" y="111533"/>
                  <a:pt x="854898" y="117149"/>
                </a:cubicBezTo>
                <a:cubicBezTo>
                  <a:pt x="852381" y="122764"/>
                  <a:pt x="848508" y="127411"/>
                  <a:pt x="843668" y="131090"/>
                </a:cubicBezTo>
                <a:cubicBezTo>
                  <a:pt x="839988" y="133608"/>
                  <a:pt x="836503" y="135350"/>
                  <a:pt x="833405" y="136319"/>
                </a:cubicBezTo>
                <a:cubicBezTo>
                  <a:pt x="830113" y="137287"/>
                  <a:pt x="826240" y="137868"/>
                  <a:pt x="821593" y="137868"/>
                </a:cubicBezTo>
                <a:cubicBezTo>
                  <a:pt x="817333" y="137868"/>
                  <a:pt x="813267" y="137093"/>
                  <a:pt x="809201" y="135544"/>
                </a:cubicBezTo>
                <a:cubicBezTo>
                  <a:pt x="805134" y="133995"/>
                  <a:pt x="801455" y="131478"/>
                  <a:pt x="798163" y="127992"/>
                </a:cubicBezTo>
                <a:cubicBezTo>
                  <a:pt x="794872" y="124507"/>
                  <a:pt x="792354" y="120053"/>
                  <a:pt x="790224" y="114438"/>
                </a:cubicBezTo>
                <a:cubicBezTo>
                  <a:pt x="788094" y="108823"/>
                  <a:pt x="787126" y="102045"/>
                  <a:pt x="787126" y="93913"/>
                </a:cubicBezTo>
                <a:cubicBezTo>
                  <a:pt x="787126" y="85974"/>
                  <a:pt x="788094" y="79003"/>
                  <a:pt x="789837" y="73387"/>
                </a:cubicBezTo>
                <a:cubicBezTo>
                  <a:pt x="791580" y="67772"/>
                  <a:pt x="794097" y="63125"/>
                  <a:pt x="797389" y="59446"/>
                </a:cubicBezTo>
                <a:cubicBezTo>
                  <a:pt x="800681" y="55767"/>
                  <a:pt x="804360" y="53056"/>
                  <a:pt x="808813" y="51507"/>
                </a:cubicBezTo>
                <a:cubicBezTo>
                  <a:pt x="813073" y="49764"/>
                  <a:pt x="817914" y="48990"/>
                  <a:pt x="823142" y="48990"/>
                </a:cubicBezTo>
                <a:cubicBezTo>
                  <a:pt x="827402" y="48990"/>
                  <a:pt x="831081" y="49570"/>
                  <a:pt x="834373" y="50732"/>
                </a:cubicBezTo>
                <a:cubicBezTo>
                  <a:pt x="837665" y="51894"/>
                  <a:pt x="840957" y="53637"/>
                  <a:pt x="844442" y="56154"/>
                </a:cubicBezTo>
                <a:cubicBezTo>
                  <a:pt x="846959" y="58090"/>
                  <a:pt x="849089" y="60220"/>
                  <a:pt x="851026" y="62157"/>
                </a:cubicBezTo>
                <a:cubicBezTo>
                  <a:pt x="852768" y="64287"/>
                  <a:pt x="854317" y="66610"/>
                  <a:pt x="855479" y="69515"/>
                </a:cubicBezTo>
                <a:cubicBezTo>
                  <a:pt x="856641" y="72226"/>
                  <a:pt x="857416" y="75324"/>
                  <a:pt x="857997" y="79003"/>
                </a:cubicBezTo>
                <a:cubicBezTo>
                  <a:pt x="858577" y="82682"/>
                  <a:pt x="858771" y="86748"/>
                  <a:pt x="858771" y="91783"/>
                </a:cubicBezTo>
                <a:lnTo>
                  <a:pt x="858771" y="95849"/>
                </a:lnTo>
                <a:close/>
                <a:moveTo>
                  <a:pt x="778219" y="162072"/>
                </a:moveTo>
                <a:cubicBezTo>
                  <a:pt x="778993" y="167881"/>
                  <a:pt x="780543" y="172722"/>
                  <a:pt x="783060" y="176788"/>
                </a:cubicBezTo>
                <a:cubicBezTo>
                  <a:pt x="785577" y="180855"/>
                  <a:pt x="788869" y="183953"/>
                  <a:pt x="792935" y="186470"/>
                </a:cubicBezTo>
                <a:cubicBezTo>
                  <a:pt x="797002" y="188987"/>
                  <a:pt x="801649" y="190730"/>
                  <a:pt x="806877" y="191892"/>
                </a:cubicBezTo>
                <a:cubicBezTo>
                  <a:pt x="812105" y="193054"/>
                  <a:pt x="817914" y="193634"/>
                  <a:pt x="824110" y="193634"/>
                </a:cubicBezTo>
                <a:cubicBezTo>
                  <a:pt x="840182" y="193634"/>
                  <a:pt x="851994" y="189374"/>
                  <a:pt x="859546" y="181048"/>
                </a:cubicBezTo>
                <a:cubicBezTo>
                  <a:pt x="867097" y="172722"/>
                  <a:pt x="870776" y="161104"/>
                  <a:pt x="870776" y="146581"/>
                </a:cubicBezTo>
                <a:lnTo>
                  <a:pt x="870776" y="41825"/>
                </a:lnTo>
                <a:lnTo>
                  <a:pt x="858577" y="41825"/>
                </a:lnTo>
                <a:lnTo>
                  <a:pt x="858577" y="56735"/>
                </a:lnTo>
                <a:cubicBezTo>
                  <a:pt x="853349" y="49764"/>
                  <a:pt x="847734" y="45117"/>
                  <a:pt x="841538" y="42600"/>
                </a:cubicBezTo>
                <a:cubicBezTo>
                  <a:pt x="835341" y="40082"/>
                  <a:pt x="829339" y="38727"/>
                  <a:pt x="823142" y="38727"/>
                </a:cubicBezTo>
                <a:cubicBezTo>
                  <a:pt x="815590" y="38727"/>
                  <a:pt x="808813" y="40082"/>
                  <a:pt x="802617" y="42793"/>
                </a:cubicBezTo>
                <a:cubicBezTo>
                  <a:pt x="796614" y="45504"/>
                  <a:pt x="791386" y="49183"/>
                  <a:pt x="787320" y="54024"/>
                </a:cubicBezTo>
                <a:cubicBezTo>
                  <a:pt x="783060" y="58865"/>
                  <a:pt x="779962" y="64674"/>
                  <a:pt x="777638" y="71645"/>
                </a:cubicBezTo>
                <a:cubicBezTo>
                  <a:pt x="775314" y="78616"/>
                  <a:pt x="774346" y="86167"/>
                  <a:pt x="774346" y="94687"/>
                </a:cubicBezTo>
                <a:cubicBezTo>
                  <a:pt x="774346" y="101658"/>
                  <a:pt x="775314" y="108435"/>
                  <a:pt x="777057" y="115019"/>
                </a:cubicBezTo>
                <a:cubicBezTo>
                  <a:pt x="778800" y="121602"/>
                  <a:pt x="781704" y="127411"/>
                  <a:pt x="785383" y="132446"/>
                </a:cubicBezTo>
                <a:cubicBezTo>
                  <a:pt x="789256" y="137480"/>
                  <a:pt x="794097" y="141547"/>
                  <a:pt x="799906" y="144645"/>
                </a:cubicBezTo>
                <a:cubicBezTo>
                  <a:pt x="805715" y="147743"/>
                  <a:pt x="812686" y="149098"/>
                  <a:pt x="820819" y="149098"/>
                </a:cubicBezTo>
                <a:cubicBezTo>
                  <a:pt x="829145" y="149098"/>
                  <a:pt x="836503" y="147356"/>
                  <a:pt x="842699" y="143870"/>
                </a:cubicBezTo>
                <a:cubicBezTo>
                  <a:pt x="848702" y="140385"/>
                  <a:pt x="854124" y="135544"/>
                  <a:pt x="858577" y="129154"/>
                </a:cubicBezTo>
                <a:lnTo>
                  <a:pt x="858577" y="145419"/>
                </a:lnTo>
                <a:cubicBezTo>
                  <a:pt x="858577" y="159167"/>
                  <a:pt x="855867" y="169043"/>
                  <a:pt x="850251" y="174852"/>
                </a:cubicBezTo>
                <a:cubicBezTo>
                  <a:pt x="844636" y="180661"/>
                  <a:pt x="835922" y="183565"/>
                  <a:pt x="823917" y="183565"/>
                </a:cubicBezTo>
                <a:cubicBezTo>
                  <a:pt x="813267" y="183565"/>
                  <a:pt x="805328" y="181823"/>
                  <a:pt x="800100" y="178337"/>
                </a:cubicBezTo>
                <a:cubicBezTo>
                  <a:pt x="794872" y="174852"/>
                  <a:pt x="791580" y="169624"/>
                  <a:pt x="790031" y="162459"/>
                </a:cubicBezTo>
                <a:lnTo>
                  <a:pt x="778219" y="162459"/>
                </a:lnTo>
                <a:close/>
                <a:moveTo>
                  <a:pt x="705799" y="150260"/>
                </a:moveTo>
                <a:lnTo>
                  <a:pt x="717998" y="150260"/>
                </a:lnTo>
                <a:lnTo>
                  <a:pt x="717998" y="85006"/>
                </a:lnTo>
                <a:cubicBezTo>
                  <a:pt x="717998" y="79584"/>
                  <a:pt x="718967" y="74743"/>
                  <a:pt x="721097" y="70870"/>
                </a:cubicBezTo>
                <a:cubicBezTo>
                  <a:pt x="723227" y="66804"/>
                  <a:pt x="725937" y="63512"/>
                  <a:pt x="729036" y="60608"/>
                </a:cubicBezTo>
                <a:cubicBezTo>
                  <a:pt x="732327" y="57316"/>
                  <a:pt x="736007" y="55186"/>
                  <a:pt x="739686" y="53830"/>
                </a:cubicBezTo>
                <a:cubicBezTo>
                  <a:pt x="743558" y="52475"/>
                  <a:pt x="747237" y="51894"/>
                  <a:pt x="750916" y="51894"/>
                </a:cubicBezTo>
                <a:cubicBezTo>
                  <a:pt x="753046" y="51894"/>
                  <a:pt x="755370" y="52088"/>
                  <a:pt x="757887" y="52475"/>
                </a:cubicBezTo>
                <a:lnTo>
                  <a:pt x="759436" y="40857"/>
                </a:lnTo>
                <a:cubicBezTo>
                  <a:pt x="757887" y="40663"/>
                  <a:pt x="756532" y="40470"/>
                  <a:pt x="755176" y="40276"/>
                </a:cubicBezTo>
                <a:cubicBezTo>
                  <a:pt x="753821" y="40276"/>
                  <a:pt x="752465" y="40082"/>
                  <a:pt x="750916" y="40082"/>
                </a:cubicBezTo>
                <a:cubicBezTo>
                  <a:pt x="744526" y="40082"/>
                  <a:pt x="738717" y="41825"/>
                  <a:pt x="733102" y="45117"/>
                </a:cubicBezTo>
                <a:cubicBezTo>
                  <a:pt x="727487" y="48409"/>
                  <a:pt x="722452" y="53249"/>
                  <a:pt x="718192" y="59446"/>
                </a:cubicBezTo>
                <a:lnTo>
                  <a:pt x="718192" y="41825"/>
                </a:lnTo>
                <a:lnTo>
                  <a:pt x="705993" y="41825"/>
                </a:lnTo>
                <a:lnTo>
                  <a:pt x="705993" y="150260"/>
                </a:lnTo>
                <a:close/>
                <a:moveTo>
                  <a:pt x="585358" y="114051"/>
                </a:moveTo>
                <a:cubicBezTo>
                  <a:pt x="585358" y="127024"/>
                  <a:pt x="588069" y="136706"/>
                  <a:pt x="593298" y="143483"/>
                </a:cubicBezTo>
                <a:cubicBezTo>
                  <a:pt x="598719" y="150260"/>
                  <a:pt x="607433" y="153552"/>
                  <a:pt x="619826" y="153552"/>
                </a:cubicBezTo>
                <a:cubicBezTo>
                  <a:pt x="634735" y="153552"/>
                  <a:pt x="647903" y="146581"/>
                  <a:pt x="659133" y="132446"/>
                </a:cubicBezTo>
                <a:lnTo>
                  <a:pt x="659133" y="150067"/>
                </a:lnTo>
                <a:lnTo>
                  <a:pt x="671332" y="150067"/>
                </a:lnTo>
                <a:lnTo>
                  <a:pt x="671332" y="41631"/>
                </a:lnTo>
                <a:lnTo>
                  <a:pt x="659133" y="41631"/>
                </a:lnTo>
                <a:lnTo>
                  <a:pt x="659133" y="105143"/>
                </a:lnTo>
                <a:cubicBezTo>
                  <a:pt x="659133" y="111921"/>
                  <a:pt x="658165" y="117149"/>
                  <a:pt x="656035" y="121021"/>
                </a:cubicBezTo>
                <a:cubicBezTo>
                  <a:pt x="653905" y="124894"/>
                  <a:pt x="650807" y="128573"/>
                  <a:pt x="646741" y="132252"/>
                </a:cubicBezTo>
                <a:cubicBezTo>
                  <a:pt x="642868" y="135544"/>
                  <a:pt x="638608" y="138061"/>
                  <a:pt x="634348" y="139804"/>
                </a:cubicBezTo>
                <a:cubicBezTo>
                  <a:pt x="630088" y="141547"/>
                  <a:pt x="625635" y="142321"/>
                  <a:pt x="621375" y="142321"/>
                </a:cubicBezTo>
                <a:cubicBezTo>
                  <a:pt x="612661" y="142321"/>
                  <a:pt x="606465" y="139804"/>
                  <a:pt x="602979" y="134770"/>
                </a:cubicBezTo>
                <a:cubicBezTo>
                  <a:pt x="599300" y="129735"/>
                  <a:pt x="597558" y="121602"/>
                  <a:pt x="597558" y="110178"/>
                </a:cubicBezTo>
                <a:lnTo>
                  <a:pt x="597558" y="41825"/>
                </a:lnTo>
                <a:lnTo>
                  <a:pt x="585358" y="41825"/>
                </a:lnTo>
                <a:lnTo>
                  <a:pt x="585358" y="114051"/>
                </a:lnTo>
                <a:close/>
                <a:moveTo>
                  <a:pt x="470920" y="91008"/>
                </a:moveTo>
                <a:cubicBezTo>
                  <a:pt x="470920" y="82488"/>
                  <a:pt x="472276" y="75324"/>
                  <a:pt x="474987" y="69902"/>
                </a:cubicBezTo>
                <a:cubicBezTo>
                  <a:pt x="477697" y="64287"/>
                  <a:pt x="481570" y="59833"/>
                  <a:pt x="486411" y="56154"/>
                </a:cubicBezTo>
                <a:cubicBezTo>
                  <a:pt x="489896" y="53443"/>
                  <a:pt x="493382" y="51700"/>
                  <a:pt x="496867" y="50732"/>
                </a:cubicBezTo>
                <a:cubicBezTo>
                  <a:pt x="500353" y="49764"/>
                  <a:pt x="504225" y="49183"/>
                  <a:pt x="508679" y="49183"/>
                </a:cubicBezTo>
                <a:cubicBezTo>
                  <a:pt x="512552" y="49183"/>
                  <a:pt x="516618" y="49958"/>
                  <a:pt x="520684" y="51313"/>
                </a:cubicBezTo>
                <a:cubicBezTo>
                  <a:pt x="524751" y="52862"/>
                  <a:pt x="528430" y="55379"/>
                  <a:pt x="531722" y="58865"/>
                </a:cubicBezTo>
                <a:cubicBezTo>
                  <a:pt x="535013" y="62350"/>
                  <a:pt x="537531" y="67191"/>
                  <a:pt x="539661" y="73000"/>
                </a:cubicBezTo>
                <a:cubicBezTo>
                  <a:pt x="541791" y="78809"/>
                  <a:pt x="542759" y="86167"/>
                  <a:pt x="542759" y="95074"/>
                </a:cubicBezTo>
                <a:cubicBezTo>
                  <a:pt x="542759" y="103788"/>
                  <a:pt x="541791" y="111146"/>
                  <a:pt x="540048" y="117342"/>
                </a:cubicBezTo>
                <a:cubicBezTo>
                  <a:pt x="538305" y="123539"/>
                  <a:pt x="535788" y="128380"/>
                  <a:pt x="532496" y="132252"/>
                </a:cubicBezTo>
                <a:cubicBezTo>
                  <a:pt x="529398" y="136125"/>
                  <a:pt x="525525" y="138836"/>
                  <a:pt x="521265" y="140579"/>
                </a:cubicBezTo>
                <a:cubicBezTo>
                  <a:pt x="517005" y="142321"/>
                  <a:pt x="512164" y="143289"/>
                  <a:pt x="506936" y="143289"/>
                </a:cubicBezTo>
                <a:cubicBezTo>
                  <a:pt x="502676" y="143289"/>
                  <a:pt x="498804" y="142709"/>
                  <a:pt x="495318" y="141547"/>
                </a:cubicBezTo>
                <a:cubicBezTo>
                  <a:pt x="492026" y="140385"/>
                  <a:pt x="488735" y="138642"/>
                  <a:pt x="485443" y="136125"/>
                </a:cubicBezTo>
                <a:cubicBezTo>
                  <a:pt x="482732" y="134382"/>
                  <a:pt x="480602" y="132252"/>
                  <a:pt x="478666" y="130122"/>
                </a:cubicBezTo>
                <a:cubicBezTo>
                  <a:pt x="476923" y="127992"/>
                  <a:pt x="475374" y="125475"/>
                  <a:pt x="474212" y="122571"/>
                </a:cubicBezTo>
                <a:cubicBezTo>
                  <a:pt x="473050" y="119860"/>
                  <a:pt x="472276" y="116568"/>
                  <a:pt x="471695" y="113082"/>
                </a:cubicBezTo>
                <a:cubicBezTo>
                  <a:pt x="471114" y="109403"/>
                  <a:pt x="470920" y="105337"/>
                  <a:pt x="470920" y="100496"/>
                </a:cubicBezTo>
                <a:lnTo>
                  <a:pt x="470920" y="91008"/>
                </a:lnTo>
                <a:close/>
                <a:moveTo>
                  <a:pt x="459109" y="150260"/>
                </a:moveTo>
                <a:lnTo>
                  <a:pt x="471307" y="150260"/>
                </a:lnTo>
                <a:lnTo>
                  <a:pt x="471307" y="135544"/>
                </a:lnTo>
                <a:cubicBezTo>
                  <a:pt x="476342" y="142321"/>
                  <a:pt x="481957" y="146969"/>
                  <a:pt x="487960" y="149679"/>
                </a:cubicBezTo>
                <a:cubicBezTo>
                  <a:pt x="494156" y="152390"/>
                  <a:pt x="500353" y="153746"/>
                  <a:pt x="506936" y="153746"/>
                </a:cubicBezTo>
                <a:cubicBezTo>
                  <a:pt x="514294" y="153746"/>
                  <a:pt x="521072" y="152390"/>
                  <a:pt x="527074" y="149679"/>
                </a:cubicBezTo>
                <a:cubicBezTo>
                  <a:pt x="533077" y="146969"/>
                  <a:pt x="538112" y="143096"/>
                  <a:pt x="542372" y="138061"/>
                </a:cubicBezTo>
                <a:cubicBezTo>
                  <a:pt x="546631" y="133027"/>
                  <a:pt x="549923" y="126831"/>
                  <a:pt x="552247" y="119666"/>
                </a:cubicBezTo>
                <a:cubicBezTo>
                  <a:pt x="554571" y="112502"/>
                  <a:pt x="555732" y="104175"/>
                  <a:pt x="555732" y="94881"/>
                </a:cubicBezTo>
                <a:cubicBezTo>
                  <a:pt x="555732" y="86942"/>
                  <a:pt x="554764" y="79390"/>
                  <a:pt x="552828" y="72613"/>
                </a:cubicBezTo>
                <a:cubicBezTo>
                  <a:pt x="550891" y="65642"/>
                  <a:pt x="547987" y="59833"/>
                  <a:pt x="544114" y="54799"/>
                </a:cubicBezTo>
                <a:cubicBezTo>
                  <a:pt x="540242" y="49764"/>
                  <a:pt x="535401" y="45698"/>
                  <a:pt x="529398" y="42987"/>
                </a:cubicBezTo>
                <a:cubicBezTo>
                  <a:pt x="523589" y="40082"/>
                  <a:pt x="516618" y="38727"/>
                  <a:pt x="508679" y="38727"/>
                </a:cubicBezTo>
                <a:cubicBezTo>
                  <a:pt x="500353" y="38727"/>
                  <a:pt x="493188" y="40470"/>
                  <a:pt x="487186" y="43955"/>
                </a:cubicBezTo>
                <a:cubicBezTo>
                  <a:pt x="481377" y="47440"/>
                  <a:pt x="475955" y="52281"/>
                  <a:pt x="470920" y="58284"/>
                </a:cubicBezTo>
                <a:lnTo>
                  <a:pt x="470920" y="194"/>
                </a:lnTo>
                <a:lnTo>
                  <a:pt x="458721" y="194"/>
                </a:lnTo>
                <a:lnTo>
                  <a:pt x="458721" y="150260"/>
                </a:lnTo>
                <a:close/>
                <a:moveTo>
                  <a:pt x="274768" y="150260"/>
                </a:moveTo>
                <a:lnTo>
                  <a:pt x="286967" y="150260"/>
                </a:lnTo>
                <a:lnTo>
                  <a:pt x="286967" y="86167"/>
                </a:lnTo>
                <a:cubicBezTo>
                  <a:pt x="286967" y="82488"/>
                  <a:pt x="287354" y="79196"/>
                  <a:pt x="288129" y="76486"/>
                </a:cubicBezTo>
                <a:cubicBezTo>
                  <a:pt x="288903" y="73775"/>
                  <a:pt x="289872" y="71257"/>
                  <a:pt x="291033" y="69127"/>
                </a:cubicBezTo>
                <a:cubicBezTo>
                  <a:pt x="292195" y="66998"/>
                  <a:pt x="293551" y="65255"/>
                  <a:pt x="294906" y="63706"/>
                </a:cubicBezTo>
                <a:cubicBezTo>
                  <a:pt x="296455" y="62157"/>
                  <a:pt x="297811" y="60801"/>
                  <a:pt x="298972" y="59639"/>
                </a:cubicBezTo>
                <a:cubicBezTo>
                  <a:pt x="302651" y="56348"/>
                  <a:pt x="306331" y="53830"/>
                  <a:pt x="310010" y="52088"/>
                </a:cubicBezTo>
                <a:cubicBezTo>
                  <a:pt x="313689" y="50345"/>
                  <a:pt x="317755" y="49377"/>
                  <a:pt x="321821" y="49377"/>
                </a:cubicBezTo>
                <a:cubicBezTo>
                  <a:pt x="329179" y="49377"/>
                  <a:pt x="334795" y="51507"/>
                  <a:pt x="338474" y="55960"/>
                </a:cubicBezTo>
                <a:cubicBezTo>
                  <a:pt x="342153" y="60414"/>
                  <a:pt x="343896" y="67772"/>
                  <a:pt x="343896" y="78422"/>
                </a:cubicBezTo>
                <a:lnTo>
                  <a:pt x="343896" y="150260"/>
                </a:lnTo>
                <a:lnTo>
                  <a:pt x="356095" y="150260"/>
                </a:lnTo>
                <a:lnTo>
                  <a:pt x="356095" y="80939"/>
                </a:lnTo>
                <a:cubicBezTo>
                  <a:pt x="356095" y="75905"/>
                  <a:pt x="357257" y="71451"/>
                  <a:pt x="359387" y="67578"/>
                </a:cubicBezTo>
                <a:cubicBezTo>
                  <a:pt x="361516" y="63706"/>
                  <a:pt x="364421" y="60608"/>
                  <a:pt x="367713" y="57897"/>
                </a:cubicBezTo>
                <a:cubicBezTo>
                  <a:pt x="371585" y="54605"/>
                  <a:pt x="375458" y="52475"/>
                  <a:pt x="379525" y="51313"/>
                </a:cubicBezTo>
                <a:cubicBezTo>
                  <a:pt x="383591" y="50151"/>
                  <a:pt x="387270" y="49570"/>
                  <a:pt x="390562" y="49570"/>
                </a:cubicBezTo>
                <a:cubicBezTo>
                  <a:pt x="394434" y="49570"/>
                  <a:pt x="397726" y="49958"/>
                  <a:pt x="400437" y="50926"/>
                </a:cubicBezTo>
                <a:cubicBezTo>
                  <a:pt x="403148" y="51894"/>
                  <a:pt x="405665" y="53443"/>
                  <a:pt x="407408" y="55573"/>
                </a:cubicBezTo>
                <a:cubicBezTo>
                  <a:pt x="409344" y="57897"/>
                  <a:pt x="410700" y="60801"/>
                  <a:pt x="411668" y="64480"/>
                </a:cubicBezTo>
                <a:cubicBezTo>
                  <a:pt x="412636" y="68159"/>
                  <a:pt x="413023" y="72807"/>
                  <a:pt x="413023" y="78422"/>
                </a:cubicBezTo>
                <a:lnTo>
                  <a:pt x="413023" y="150454"/>
                </a:lnTo>
                <a:lnTo>
                  <a:pt x="425222" y="150454"/>
                </a:lnTo>
                <a:lnTo>
                  <a:pt x="425222" y="73968"/>
                </a:lnTo>
                <a:cubicBezTo>
                  <a:pt x="425222" y="61576"/>
                  <a:pt x="422318" y="52669"/>
                  <a:pt x="416315" y="47053"/>
                </a:cubicBezTo>
                <a:cubicBezTo>
                  <a:pt x="410506" y="41438"/>
                  <a:pt x="402180" y="38533"/>
                  <a:pt x="391917" y="38533"/>
                </a:cubicBezTo>
                <a:cubicBezTo>
                  <a:pt x="384365" y="38533"/>
                  <a:pt x="377201" y="40470"/>
                  <a:pt x="370617" y="44149"/>
                </a:cubicBezTo>
                <a:cubicBezTo>
                  <a:pt x="364034" y="47828"/>
                  <a:pt x="358225" y="53056"/>
                  <a:pt x="353384" y="59833"/>
                </a:cubicBezTo>
                <a:cubicBezTo>
                  <a:pt x="351060" y="53056"/>
                  <a:pt x="347381" y="47828"/>
                  <a:pt x="342347" y="44149"/>
                </a:cubicBezTo>
                <a:cubicBezTo>
                  <a:pt x="337312" y="40470"/>
                  <a:pt x="330729" y="38533"/>
                  <a:pt x="322402" y="38533"/>
                </a:cubicBezTo>
                <a:cubicBezTo>
                  <a:pt x="316012" y="38533"/>
                  <a:pt x="309816" y="40276"/>
                  <a:pt x="303813" y="43761"/>
                </a:cubicBezTo>
                <a:cubicBezTo>
                  <a:pt x="297617" y="47247"/>
                  <a:pt x="292002" y="52669"/>
                  <a:pt x="286580" y="59833"/>
                </a:cubicBezTo>
                <a:lnTo>
                  <a:pt x="286580" y="42019"/>
                </a:lnTo>
                <a:lnTo>
                  <a:pt x="274381" y="42019"/>
                </a:lnTo>
                <a:lnTo>
                  <a:pt x="274381" y="150260"/>
                </a:lnTo>
                <a:close/>
                <a:moveTo>
                  <a:pt x="214935" y="149679"/>
                </a:moveTo>
                <a:cubicBezTo>
                  <a:pt x="221325" y="146969"/>
                  <a:pt x="226747" y="143096"/>
                  <a:pt x="231200" y="137868"/>
                </a:cubicBezTo>
                <a:cubicBezTo>
                  <a:pt x="235654" y="132833"/>
                  <a:pt x="238946" y="126637"/>
                  <a:pt x="241463" y="119472"/>
                </a:cubicBezTo>
                <a:cubicBezTo>
                  <a:pt x="243786" y="112308"/>
                  <a:pt x="245142" y="104369"/>
                  <a:pt x="245142" y="95462"/>
                </a:cubicBezTo>
                <a:cubicBezTo>
                  <a:pt x="245142" y="86942"/>
                  <a:pt x="243980" y="79196"/>
                  <a:pt x="241656" y="72032"/>
                </a:cubicBezTo>
                <a:cubicBezTo>
                  <a:pt x="239333" y="65061"/>
                  <a:pt x="236041" y="59058"/>
                  <a:pt x="231587" y="54024"/>
                </a:cubicBezTo>
                <a:cubicBezTo>
                  <a:pt x="227327" y="48990"/>
                  <a:pt x="221906" y="45310"/>
                  <a:pt x="215516" y="42600"/>
                </a:cubicBezTo>
                <a:cubicBezTo>
                  <a:pt x="209126" y="39889"/>
                  <a:pt x="202155" y="38533"/>
                  <a:pt x="194216" y="38533"/>
                </a:cubicBezTo>
                <a:cubicBezTo>
                  <a:pt x="186277" y="38533"/>
                  <a:pt x="179306" y="39889"/>
                  <a:pt x="172916" y="42600"/>
                </a:cubicBezTo>
                <a:cubicBezTo>
                  <a:pt x="166526" y="45310"/>
                  <a:pt x="161298" y="49183"/>
                  <a:pt x="156844" y="54218"/>
                </a:cubicBezTo>
                <a:cubicBezTo>
                  <a:pt x="152391" y="59252"/>
                  <a:pt x="148905" y="65448"/>
                  <a:pt x="146582" y="72613"/>
                </a:cubicBezTo>
                <a:cubicBezTo>
                  <a:pt x="144064" y="79777"/>
                  <a:pt x="142903" y="87716"/>
                  <a:pt x="142903" y="96624"/>
                </a:cubicBezTo>
                <a:cubicBezTo>
                  <a:pt x="142903" y="105337"/>
                  <a:pt x="144064" y="113276"/>
                  <a:pt x="146388" y="120247"/>
                </a:cubicBezTo>
                <a:cubicBezTo>
                  <a:pt x="148712" y="127218"/>
                  <a:pt x="152003" y="133220"/>
                  <a:pt x="156263" y="138255"/>
                </a:cubicBezTo>
                <a:cubicBezTo>
                  <a:pt x="160523" y="143289"/>
                  <a:pt x="165752" y="147162"/>
                  <a:pt x="171948" y="149679"/>
                </a:cubicBezTo>
                <a:cubicBezTo>
                  <a:pt x="178144" y="152390"/>
                  <a:pt x="185309" y="153746"/>
                  <a:pt x="193248" y="153746"/>
                </a:cubicBezTo>
                <a:cubicBezTo>
                  <a:pt x="201380" y="153746"/>
                  <a:pt x="208545" y="152390"/>
                  <a:pt x="214935" y="149679"/>
                </a:cubicBezTo>
                <a:moveTo>
                  <a:pt x="176401" y="139417"/>
                </a:moveTo>
                <a:cubicBezTo>
                  <a:pt x="171561" y="136900"/>
                  <a:pt x="167688" y="133608"/>
                  <a:pt x="164590" y="129348"/>
                </a:cubicBezTo>
                <a:cubicBezTo>
                  <a:pt x="161492" y="125088"/>
                  <a:pt x="159362" y="120247"/>
                  <a:pt x="158006" y="114438"/>
                </a:cubicBezTo>
                <a:cubicBezTo>
                  <a:pt x="156651" y="108629"/>
                  <a:pt x="155876" y="102433"/>
                  <a:pt x="155876" y="95849"/>
                </a:cubicBezTo>
                <a:cubicBezTo>
                  <a:pt x="155876" y="89265"/>
                  <a:pt x="156651" y="83069"/>
                  <a:pt x="158006" y="77454"/>
                </a:cubicBezTo>
                <a:cubicBezTo>
                  <a:pt x="159362" y="71838"/>
                  <a:pt x="161685" y="66804"/>
                  <a:pt x="164590" y="62544"/>
                </a:cubicBezTo>
                <a:cubicBezTo>
                  <a:pt x="167688" y="58284"/>
                  <a:pt x="171561" y="54992"/>
                  <a:pt x="176401" y="52475"/>
                </a:cubicBezTo>
                <a:cubicBezTo>
                  <a:pt x="181242" y="49958"/>
                  <a:pt x="187051" y="48796"/>
                  <a:pt x="193829" y="48796"/>
                </a:cubicBezTo>
                <a:cubicBezTo>
                  <a:pt x="200799" y="48796"/>
                  <a:pt x="206609" y="49958"/>
                  <a:pt x="211256" y="52475"/>
                </a:cubicBezTo>
                <a:cubicBezTo>
                  <a:pt x="216097" y="54992"/>
                  <a:pt x="219969" y="58284"/>
                  <a:pt x="223067" y="62544"/>
                </a:cubicBezTo>
                <a:cubicBezTo>
                  <a:pt x="226166" y="66804"/>
                  <a:pt x="228296" y="71645"/>
                  <a:pt x="229845" y="77454"/>
                </a:cubicBezTo>
                <a:cubicBezTo>
                  <a:pt x="231200" y="83069"/>
                  <a:pt x="231975" y="89265"/>
                  <a:pt x="231975" y="95655"/>
                </a:cubicBezTo>
                <a:cubicBezTo>
                  <a:pt x="231975" y="102433"/>
                  <a:pt x="231200" y="108629"/>
                  <a:pt x="229845" y="114438"/>
                </a:cubicBezTo>
                <a:cubicBezTo>
                  <a:pt x="228489" y="120247"/>
                  <a:pt x="226166" y="125088"/>
                  <a:pt x="223067" y="129348"/>
                </a:cubicBezTo>
                <a:cubicBezTo>
                  <a:pt x="219969" y="133608"/>
                  <a:pt x="216097" y="136900"/>
                  <a:pt x="211256" y="139417"/>
                </a:cubicBezTo>
                <a:cubicBezTo>
                  <a:pt x="206415" y="141934"/>
                  <a:pt x="200606" y="143096"/>
                  <a:pt x="193829" y="143096"/>
                </a:cubicBezTo>
                <a:cubicBezTo>
                  <a:pt x="187051" y="143096"/>
                  <a:pt x="181242" y="141934"/>
                  <a:pt x="176401" y="139417"/>
                </a:cubicBezTo>
                <a:moveTo>
                  <a:pt x="0" y="150260"/>
                </a:moveTo>
                <a:lnTo>
                  <a:pt x="12780" y="150260"/>
                </a:lnTo>
                <a:lnTo>
                  <a:pt x="12780" y="78616"/>
                </a:lnTo>
                <a:lnTo>
                  <a:pt x="97592" y="78616"/>
                </a:lnTo>
                <a:lnTo>
                  <a:pt x="97592" y="150454"/>
                </a:lnTo>
                <a:lnTo>
                  <a:pt x="110372" y="150454"/>
                </a:lnTo>
                <a:lnTo>
                  <a:pt x="110372" y="0"/>
                </a:lnTo>
                <a:lnTo>
                  <a:pt x="97592" y="0"/>
                </a:lnTo>
                <a:lnTo>
                  <a:pt x="97592" y="66610"/>
                </a:lnTo>
                <a:lnTo>
                  <a:pt x="12780" y="66610"/>
                </a:lnTo>
                <a:lnTo>
                  <a:pt x="12780" y="0"/>
                </a:lnTo>
                <a:lnTo>
                  <a:pt x="0" y="0"/>
                </a:lnTo>
                <a:lnTo>
                  <a:pt x="0" y="150260"/>
                </a:lnTo>
                <a:close/>
              </a:path>
            </a:pathLst>
          </a:custGeom>
          <a:solidFill>
            <a:schemeClr val="bg1"/>
          </a:solidFill>
          <a:ln w="1921" cap="flat">
            <a:noFill/>
            <a:prstDash val="solid"/>
            <a:miter/>
          </a:ln>
        </p:spPr>
        <p:txBody>
          <a:bodyPr rtlCol="0" anchor="ctr"/>
          <a:lstStyle/>
          <a:p>
            <a:endParaRPr lang="fr-CH" dirty="0"/>
          </a:p>
        </p:txBody>
      </p:sp>
      <p:sp>
        <p:nvSpPr>
          <p:cNvPr id="11" name="Textplatzhalter 16">
            <a:extLst>
              <a:ext uri="{FF2B5EF4-FFF2-40B4-BE49-F238E27FC236}">
                <a16:creationId xmlns:a16="http://schemas.microsoft.com/office/drawing/2014/main" id="{65C28180-E55F-4137-90A9-0107C5CF2FDE}"/>
              </a:ext>
            </a:extLst>
          </p:cNvPr>
          <p:cNvSpPr>
            <a:spLocks noGrp="1"/>
          </p:cNvSpPr>
          <p:nvPr>
            <p:ph type="body" sz="quarter" idx="21" hasCustomPrompt="1"/>
          </p:nvPr>
        </p:nvSpPr>
        <p:spPr>
          <a:xfrm>
            <a:off x="334963" y="5954042"/>
            <a:ext cx="5761038" cy="184666"/>
          </a:xfrm>
          <a:prstGeom prst="rect">
            <a:avLst/>
          </a:prstGeom>
        </p:spPr>
        <p:txBody>
          <a:bodyPr anchor="t" anchorCtr="0">
            <a:noAutofit/>
          </a:bodyPr>
          <a:lstStyle>
            <a:lvl1pPr marL="0" indent="0">
              <a:lnSpc>
                <a:spcPct val="100000"/>
              </a:lnSpc>
              <a:spcBef>
                <a:spcPts val="0"/>
              </a:spcBef>
              <a:spcAft>
                <a:spcPts val="0"/>
              </a:spcAft>
              <a:buFontTx/>
              <a:buNone/>
              <a:defRPr sz="1200" b="0">
                <a:solidFill>
                  <a:schemeClr val="bg1"/>
                </a:solidFill>
              </a:defRPr>
            </a:lvl1pPr>
          </a:lstStyle>
          <a:p>
            <a:pPr lvl="0"/>
            <a:r>
              <a:rPr lang="fr-CH" dirty="0" err="1"/>
              <a:t>Autor</a:t>
            </a:r>
            <a:endParaRPr lang="fr-CH" dirty="0"/>
          </a:p>
        </p:txBody>
      </p:sp>
      <p:sp>
        <p:nvSpPr>
          <p:cNvPr id="6" name="Datumsplatzhalter 5">
            <a:extLst>
              <a:ext uri="{FF2B5EF4-FFF2-40B4-BE49-F238E27FC236}">
                <a16:creationId xmlns:a16="http://schemas.microsoft.com/office/drawing/2014/main" id="{F32CDBB9-CB7C-9412-B47E-F3C1E106204C}"/>
              </a:ext>
            </a:extLst>
          </p:cNvPr>
          <p:cNvSpPr txBox="1">
            <a:spLocks/>
          </p:cNvSpPr>
          <p:nvPr userDrawn="1"/>
        </p:nvSpPr>
        <p:spPr>
          <a:xfrm>
            <a:off x="4119" y="686067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0" name="Date dynamic" descr="{&quot;templafy&quot;:{&quot;id&quot;:&quot;9e22c34c-c329-410d-9a0d-2f6088bf4c88&quot;}}">
            <a:extLst>
              <a:ext uri="{FF2B5EF4-FFF2-40B4-BE49-F238E27FC236}">
                <a16:creationId xmlns:a16="http://schemas.microsoft.com/office/drawing/2014/main" id="{ED3FD40B-51A3-45BC-EC73-82685D5F3C23}"/>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bg1"/>
                </a:solidFill>
                <a:latin typeface="+mn-lt"/>
                <a:ea typeface="+mn-ea"/>
                <a:cs typeface="+mn-cs"/>
              </a:rPr>
              <a:t>17 novembre 2023</a:t>
            </a:r>
          </a:p>
        </p:txBody>
      </p:sp>
      <p:sp>
        <p:nvSpPr>
          <p:cNvPr id="9" name="Confidentiality dynamic" descr="{&quot;templafy&quot;:{&quot;id&quot;:&quot;ed93f6f7-eb60-4168-b5fe-3016b61374b9&quot;}}">
            <a:extLst>
              <a:ext uri="{FF2B5EF4-FFF2-40B4-BE49-F238E27FC236}">
                <a16:creationId xmlns:a16="http://schemas.microsoft.com/office/drawing/2014/main" id="{7AB4E0D2-83EF-FA2C-89C5-5913432655FE}"/>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bg1"/>
              </a:solidFill>
              <a:latin typeface="+mn-lt"/>
              <a:ea typeface="+mn-ea"/>
              <a:cs typeface="+mn-cs"/>
            </a:endParaRPr>
          </a:p>
        </p:txBody>
      </p:sp>
    </p:spTree>
    <p:extLst>
      <p:ext uri="{BB962C8B-B14F-4D97-AF65-F5344CB8AC3E}">
        <p14:creationId xmlns:p14="http://schemas.microsoft.com/office/powerpoint/2010/main" val="76413233"/>
      </p:ext>
    </p:extLst>
  </p:cSld>
  <p:clrMapOvr>
    <a:masterClrMapping/>
  </p:clrMapOvr>
  <p:hf hdr="0"/>
</p:sldLayout>
</file>

<file path=ppt/slideLayouts/slideLayout20.xml><?xml version="1.0" encoding="utf-8"?>
<p:sldLayout xmlns:a="http://schemas.openxmlformats.org/drawingml/2006/main" xmlns:r="http://schemas.openxmlformats.org/officeDocument/2006/relationships" xmlns:p="http://schemas.openxmlformats.org/presentationml/2006/main" matchingName="Kernaussage und zwei Inhalte grau" preserve="1" userDrawn="1">
  <p:cSld name="Kernaussage und zwei Inhalte grau">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1" y="-429"/>
            <a:ext cx="3527823" cy="6858000"/>
          </a:xfrm>
          <a:prstGeom prst="rect">
            <a:avLst/>
          </a:prstGeom>
          <a:solidFill>
            <a:srgbClr val="F0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4151710" y="1125539"/>
            <a:ext cx="3600053" cy="4824411"/>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0" name="Content Placeholder 3">
            <a:extLst>
              <a:ext uri="{FF2B5EF4-FFF2-40B4-BE49-F238E27FC236}">
                <a16:creationId xmlns:a16="http://schemas.microsoft.com/office/drawing/2014/main" id="{9DF61BE2-36BA-4FF2-BC8E-9F351048A87F}"/>
              </a:ext>
            </a:extLst>
          </p:cNvPr>
          <p:cNvSpPr>
            <a:spLocks noGrp="1"/>
          </p:cNvSpPr>
          <p:nvPr>
            <p:ph sz="half" idx="14"/>
          </p:nvPr>
        </p:nvSpPr>
        <p:spPr>
          <a:xfrm>
            <a:off x="7968060" y="1125539"/>
            <a:ext cx="3600053" cy="4824412"/>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hasCustomPrompt="1"/>
          </p:nvPr>
        </p:nvSpPr>
        <p:spPr>
          <a:xfrm>
            <a:off x="334963" y="1125539"/>
            <a:ext cx="2879725" cy="4814886"/>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32493C6D-60AE-4DC8-B968-A85994C7DE91}"/>
              </a:ext>
            </a:extLst>
          </p:cNvPr>
          <p:cNvSpPr>
            <a:spLocks noGrp="1"/>
          </p:cNvSpPr>
          <p:nvPr>
            <p:ph type="sldNum" sz="quarter" idx="16"/>
          </p:nvPr>
        </p:nvSpPr>
        <p:spPr/>
        <p:txBody>
          <a:bodyPr/>
          <a:lstStyle/>
          <a:p>
            <a:fld id="{6CE01BEB-2E3D-45FB-97A6-EA7164E83718}" type="slidenum">
              <a:rPr lang="fr-CH" smtClean="0"/>
              <a:pPr/>
              <a:t>‹N°›</a:t>
            </a:fld>
            <a:endParaRPr lang="fr-CH" dirty="0"/>
          </a:p>
        </p:txBody>
      </p:sp>
      <p:sp>
        <p:nvSpPr>
          <p:cNvPr id="6" name="TextBox 5">
            <a:extLst>
              <a:ext uri="{FF2B5EF4-FFF2-40B4-BE49-F238E27FC236}">
                <a16:creationId xmlns:a16="http://schemas.microsoft.com/office/drawing/2014/main" id="{3644C8AE-48DD-46BA-B78F-DA20224C4FD9}"/>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000000"/>
              </a:solidFill>
            </a:endParaRPr>
          </a:p>
        </p:txBody>
      </p:sp>
      <p:sp>
        <p:nvSpPr>
          <p:cNvPr id="14" name="Datumsplatzhalter 4">
            <a:extLst>
              <a:ext uri="{FF2B5EF4-FFF2-40B4-BE49-F238E27FC236}">
                <a16:creationId xmlns:a16="http://schemas.microsoft.com/office/drawing/2014/main" id="{DE5CC06C-DEA0-5408-E033-9EA46DC519FD}"/>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5" name="Date dynamic" descr="{&quot;templafy&quot;:{&quot;id&quot;:&quot;659ac30a-1df8-4b6b-9009-de80a62f03ad&quot;}}">
            <a:extLst>
              <a:ext uri="{FF2B5EF4-FFF2-40B4-BE49-F238E27FC236}">
                <a16:creationId xmlns:a16="http://schemas.microsoft.com/office/drawing/2014/main" id="{17FAB64D-9221-F9AF-1257-64736018D031}"/>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7" name="Confidentiality dynamic" descr="{&quot;templafy&quot;:{&quot;id&quot;:&quot;6653916e-83c9-46fb-9198-085660b53429&quot;}}">
            <a:extLst>
              <a:ext uri="{FF2B5EF4-FFF2-40B4-BE49-F238E27FC236}">
                <a16:creationId xmlns:a16="http://schemas.microsoft.com/office/drawing/2014/main" id="{838A052B-21E1-BC3C-0452-BF83C648B2D5}"/>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2933627627"/>
      </p:ext>
    </p:extLst>
  </p:cSld>
  <p:clrMapOvr>
    <a:masterClrMapping/>
  </p:clrMapOvr>
  <p:hf hdr="0"/>
</p:sldLayout>
</file>

<file path=ppt/slideLayouts/slideLayout21.xml><?xml version="1.0" encoding="utf-8"?>
<p:sldLayout xmlns:a="http://schemas.openxmlformats.org/drawingml/2006/main" xmlns:r="http://schemas.openxmlformats.org/officeDocument/2006/relationships" xmlns:p="http://schemas.openxmlformats.org/presentationml/2006/main" matchingName="Kernaussage und vier Inhalte akzentuiert" preserve="1" userDrawn="1">
  <p:cSld name="Kernaussage und vier Inhalte akzentuiert">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1" y="-429"/>
            <a:ext cx="352782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4151710" y="1125540"/>
            <a:ext cx="3600053" cy="2159445"/>
          </a:xfrm>
        </p:spPr>
        <p:txBody>
          <a:bodyPr vert="horz" lIns="0" tIns="0" rIns="0" bIns="0" rtlCol="0">
            <a:noAutofit/>
          </a:bodyPr>
          <a:lstStyle>
            <a:lvl1pPr>
              <a:defRPr lang="de-CH"/>
            </a:lvl1pPr>
            <a:lvl2pPr>
              <a:defRPr lang="de-CH"/>
            </a:lvl2pPr>
            <a:lvl3pPr>
              <a:defRPr lang="de-CH"/>
            </a:lvl3pPr>
            <a:lvl4pPr>
              <a:defRPr lang="de-CH"/>
            </a:lvl4pPr>
            <a:lvl5pPr>
              <a:defRPr lang="de-CH"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0" name="Content Placeholder 3">
            <a:extLst>
              <a:ext uri="{FF2B5EF4-FFF2-40B4-BE49-F238E27FC236}">
                <a16:creationId xmlns:a16="http://schemas.microsoft.com/office/drawing/2014/main" id="{9DF61BE2-36BA-4FF2-BC8E-9F351048A87F}"/>
              </a:ext>
            </a:extLst>
          </p:cNvPr>
          <p:cNvSpPr>
            <a:spLocks noGrp="1"/>
          </p:cNvSpPr>
          <p:nvPr>
            <p:ph sz="half" idx="14"/>
          </p:nvPr>
        </p:nvSpPr>
        <p:spPr>
          <a:xfrm>
            <a:off x="7968060" y="1125539"/>
            <a:ext cx="3600053" cy="2159445"/>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hasCustomPrompt="1"/>
          </p:nvPr>
        </p:nvSpPr>
        <p:spPr>
          <a:xfrm>
            <a:off x="334963" y="1125539"/>
            <a:ext cx="2879725" cy="2159445"/>
          </a:xfrm>
        </p:spPr>
        <p:txBody>
          <a:bodyPr/>
          <a:lstStyle>
            <a:lvl1pPr marL="0" indent="0">
              <a:lnSpc>
                <a:spcPct val="100000"/>
              </a:lnSpc>
              <a:buNone/>
              <a:defRPr sz="2000"/>
            </a:lvl1pPr>
          </a:lstStyle>
          <a:p>
            <a:pPr lvl="0"/>
            <a:r>
              <a:rPr lang="fr-CH" dirty="0" err="1"/>
              <a:t>Kernaussage</a:t>
            </a:r>
            <a:endParaRPr lang="fr-CH" dirty="0"/>
          </a:p>
        </p:txBody>
      </p:sp>
      <p:sp>
        <p:nvSpPr>
          <p:cNvPr id="12" name="Content Placeholder 3">
            <a:extLst>
              <a:ext uri="{FF2B5EF4-FFF2-40B4-BE49-F238E27FC236}">
                <a16:creationId xmlns:a16="http://schemas.microsoft.com/office/drawing/2014/main" id="{5F5A8F1C-9EA5-4DCA-AB7F-2899FA6151D1}"/>
              </a:ext>
            </a:extLst>
          </p:cNvPr>
          <p:cNvSpPr>
            <a:spLocks noGrp="1"/>
          </p:cNvSpPr>
          <p:nvPr>
            <p:ph sz="half" idx="16"/>
          </p:nvPr>
        </p:nvSpPr>
        <p:spPr>
          <a:xfrm>
            <a:off x="4151710" y="3501009"/>
            <a:ext cx="3600053" cy="2159445"/>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4" name="Content Placeholder 3">
            <a:extLst>
              <a:ext uri="{FF2B5EF4-FFF2-40B4-BE49-F238E27FC236}">
                <a16:creationId xmlns:a16="http://schemas.microsoft.com/office/drawing/2014/main" id="{5702ECDA-C7AE-49FB-98C9-BB61C06B4D48}"/>
              </a:ext>
            </a:extLst>
          </p:cNvPr>
          <p:cNvSpPr>
            <a:spLocks noGrp="1"/>
          </p:cNvSpPr>
          <p:nvPr>
            <p:ph sz="half" idx="17"/>
          </p:nvPr>
        </p:nvSpPr>
        <p:spPr>
          <a:xfrm>
            <a:off x="7968060" y="3501008"/>
            <a:ext cx="3600053" cy="2159445"/>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5" name="Text Placeholder 12">
            <a:extLst>
              <a:ext uri="{FF2B5EF4-FFF2-40B4-BE49-F238E27FC236}">
                <a16:creationId xmlns:a16="http://schemas.microsoft.com/office/drawing/2014/main" id="{BE399F86-280A-4F03-A4A1-1CAC749B5762}"/>
              </a:ext>
            </a:extLst>
          </p:cNvPr>
          <p:cNvSpPr>
            <a:spLocks noGrp="1"/>
          </p:cNvSpPr>
          <p:nvPr>
            <p:ph type="body" sz="quarter" idx="18" hasCustomPrompt="1"/>
          </p:nvPr>
        </p:nvSpPr>
        <p:spPr>
          <a:xfrm>
            <a:off x="334963" y="3501008"/>
            <a:ext cx="2879725" cy="2159445"/>
          </a:xfrm>
        </p:spPr>
        <p:txBody>
          <a:bodyPr/>
          <a:lstStyle>
            <a:lvl1pPr marL="0" indent="0">
              <a:lnSpc>
                <a:spcPct val="100000"/>
              </a:lnSpc>
              <a:buNone/>
              <a:defRPr sz="2000"/>
            </a:lvl1pPr>
          </a:lstStyle>
          <a:p>
            <a:pPr lvl="0"/>
            <a:r>
              <a:rPr lang="fr-CH" dirty="0" err="1"/>
              <a:t>Kernaussage</a:t>
            </a:r>
            <a:endParaRPr lang="fr-CH" dirty="0"/>
          </a:p>
        </p:txBody>
      </p:sp>
      <p:cxnSp>
        <p:nvCxnSpPr>
          <p:cNvPr id="16" name="Straight Connector 15">
            <a:extLst>
              <a:ext uri="{FF2B5EF4-FFF2-40B4-BE49-F238E27FC236}">
                <a16:creationId xmlns:a16="http://schemas.microsoft.com/office/drawing/2014/main" id="{573D2F41-77A4-4E25-B7A0-A4A29919DBFD}"/>
              </a:ext>
            </a:extLst>
          </p:cNvPr>
          <p:cNvCxnSpPr/>
          <p:nvPr userDrawn="1"/>
        </p:nvCxnSpPr>
        <p:spPr>
          <a:xfrm>
            <a:off x="4151710" y="980728"/>
            <a:ext cx="7416403" cy="0"/>
          </a:xfrm>
          <a:prstGeom prst="line">
            <a:avLst/>
          </a:prstGeom>
          <a:ln w="9525">
            <a:solidFill>
              <a:srgbClr val="969696"/>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6EEE5ACB-454C-49AC-BF96-DD392CF3416E}"/>
              </a:ext>
            </a:extLst>
          </p:cNvPr>
          <p:cNvCxnSpPr/>
          <p:nvPr userDrawn="1"/>
        </p:nvCxnSpPr>
        <p:spPr>
          <a:xfrm>
            <a:off x="4151710" y="3429000"/>
            <a:ext cx="7416403" cy="0"/>
          </a:xfrm>
          <a:prstGeom prst="line">
            <a:avLst/>
          </a:prstGeom>
          <a:ln w="9525">
            <a:solidFill>
              <a:srgbClr val="969696"/>
            </a:solidFill>
          </a:ln>
        </p:spPr>
        <p:style>
          <a:lnRef idx="1">
            <a:schemeClr val="accent1"/>
          </a:lnRef>
          <a:fillRef idx="0">
            <a:schemeClr val="accent1"/>
          </a:fillRef>
          <a:effectRef idx="0">
            <a:schemeClr val="accent1"/>
          </a:effectRef>
          <a:fontRef idx="minor">
            <a:schemeClr val="tx1"/>
          </a:fontRef>
        </p:style>
      </p:cxnSp>
      <p:sp>
        <p:nvSpPr>
          <p:cNvPr id="3" name="Foliennummernplatzhalter 2">
            <a:extLst>
              <a:ext uri="{FF2B5EF4-FFF2-40B4-BE49-F238E27FC236}">
                <a16:creationId xmlns:a16="http://schemas.microsoft.com/office/drawing/2014/main" id="{CC0284A9-ADFF-4601-81D5-41166BAA0039}"/>
              </a:ext>
            </a:extLst>
          </p:cNvPr>
          <p:cNvSpPr>
            <a:spLocks noGrp="1"/>
          </p:cNvSpPr>
          <p:nvPr>
            <p:ph type="sldNum" sz="quarter" idx="19"/>
          </p:nvPr>
        </p:nvSpPr>
        <p:spPr/>
        <p:txBody>
          <a:bodyPr/>
          <a:lstStyle/>
          <a:p>
            <a:fld id="{3DA8B9F5-3997-43D4-A084-92D2FBAEA6E4}" type="slidenum">
              <a:rPr lang="fr-CH" smtClean="0"/>
              <a:pPr/>
              <a:t>‹N°›</a:t>
            </a:fld>
            <a:endParaRPr lang="fr-CH" dirty="0"/>
          </a:p>
        </p:txBody>
      </p:sp>
      <p:cxnSp>
        <p:nvCxnSpPr>
          <p:cNvPr id="20" name="Straight Connector 15">
            <a:extLst>
              <a:ext uri="{FF2B5EF4-FFF2-40B4-BE49-F238E27FC236}">
                <a16:creationId xmlns:a16="http://schemas.microsoft.com/office/drawing/2014/main" id="{FC991337-D41F-4D29-928C-869CEAA647CF}"/>
              </a:ext>
            </a:extLst>
          </p:cNvPr>
          <p:cNvCxnSpPr>
            <a:cxnSpLocks/>
          </p:cNvCxnSpPr>
          <p:nvPr userDrawn="1"/>
        </p:nvCxnSpPr>
        <p:spPr>
          <a:xfrm>
            <a:off x="334963" y="980728"/>
            <a:ext cx="2879725" cy="0"/>
          </a:xfrm>
          <a:prstGeom prst="line">
            <a:avLst/>
          </a:prstGeom>
          <a:ln w="952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15">
            <a:extLst>
              <a:ext uri="{FF2B5EF4-FFF2-40B4-BE49-F238E27FC236}">
                <a16:creationId xmlns:a16="http://schemas.microsoft.com/office/drawing/2014/main" id="{EBAD4B00-530E-46EC-8FBA-5BA6F2299419}"/>
              </a:ext>
            </a:extLst>
          </p:cNvPr>
          <p:cNvCxnSpPr>
            <a:cxnSpLocks/>
          </p:cNvCxnSpPr>
          <p:nvPr userDrawn="1"/>
        </p:nvCxnSpPr>
        <p:spPr>
          <a:xfrm>
            <a:off x="334963" y="3429000"/>
            <a:ext cx="2879725" cy="0"/>
          </a:xfrm>
          <a:prstGeom prst="line">
            <a:avLst/>
          </a:prstGeom>
          <a:ln w="9525">
            <a:solidFill>
              <a:schemeClr val="tx1"/>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A24FA979-26D6-40FD-A5FA-78A414540F53}"/>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19" name="Datumsplatzhalter 4">
            <a:extLst>
              <a:ext uri="{FF2B5EF4-FFF2-40B4-BE49-F238E27FC236}">
                <a16:creationId xmlns:a16="http://schemas.microsoft.com/office/drawing/2014/main" id="{4EA3C964-373E-B86B-9ACE-A0504C819EB6}"/>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24" name="Date dynamic" descr="{&quot;templafy&quot;:{&quot;id&quot;:&quot;86ad51d9-b6c3-4e19-b9a8-c2ab711bc722&quot;}}">
            <a:extLst>
              <a:ext uri="{FF2B5EF4-FFF2-40B4-BE49-F238E27FC236}">
                <a16:creationId xmlns:a16="http://schemas.microsoft.com/office/drawing/2014/main" id="{8FA9CE5D-FC2C-FCDB-8190-3CF4F6A67E95}"/>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7" name="Confidentiality dynamic" descr="{&quot;templafy&quot;:{&quot;id&quot;:&quot;526ae4e3-e028-41ce-addb-b37aeef6bcc4&quot;}}">
            <a:extLst>
              <a:ext uri="{FF2B5EF4-FFF2-40B4-BE49-F238E27FC236}">
                <a16:creationId xmlns:a16="http://schemas.microsoft.com/office/drawing/2014/main" id="{FF6DBEFD-D198-E7EA-E419-3ACE0FF6AE2E}"/>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2823436713"/>
      </p:ext>
    </p:extLst>
  </p:cSld>
  <p:clrMapOvr>
    <a:masterClrMapping/>
  </p:clrMapOvr>
  <p:hf hdr="0"/>
</p:sldLayout>
</file>

<file path=ppt/slideLayouts/slideLayout22.xml><?xml version="1.0" encoding="utf-8"?>
<p:sldLayout xmlns:a="http://schemas.openxmlformats.org/drawingml/2006/main" xmlns:r="http://schemas.openxmlformats.org/officeDocument/2006/relationships" xmlns:p="http://schemas.openxmlformats.org/presentationml/2006/main" matchingName="Kernaussage und vier Inhalte grau" preserve="1" userDrawn="1">
  <p:cSld name="Kernaussage und vier Inhalte grau">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a:spLocks/>
          </p:cNvSpPr>
          <p:nvPr userDrawn="1"/>
        </p:nvSpPr>
        <p:spPr>
          <a:xfrm>
            <a:off x="-1" y="-429"/>
            <a:ext cx="3527823" cy="6858000"/>
          </a:xfrm>
          <a:prstGeom prst="rect">
            <a:avLst/>
          </a:prstGeom>
          <a:solidFill>
            <a:srgbClr val="F0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4151710" y="1125540"/>
            <a:ext cx="3600053" cy="2159445"/>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0" name="Content Placeholder 3">
            <a:extLst>
              <a:ext uri="{FF2B5EF4-FFF2-40B4-BE49-F238E27FC236}">
                <a16:creationId xmlns:a16="http://schemas.microsoft.com/office/drawing/2014/main" id="{9DF61BE2-36BA-4FF2-BC8E-9F351048A87F}"/>
              </a:ext>
            </a:extLst>
          </p:cNvPr>
          <p:cNvSpPr>
            <a:spLocks noGrp="1"/>
          </p:cNvSpPr>
          <p:nvPr>
            <p:ph sz="half" idx="14"/>
          </p:nvPr>
        </p:nvSpPr>
        <p:spPr>
          <a:xfrm>
            <a:off x="7968060" y="1125539"/>
            <a:ext cx="3600053" cy="2159445"/>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hasCustomPrompt="1"/>
          </p:nvPr>
        </p:nvSpPr>
        <p:spPr>
          <a:xfrm>
            <a:off x="334963" y="1125539"/>
            <a:ext cx="2879725" cy="2159445"/>
          </a:xfrm>
        </p:spPr>
        <p:txBody>
          <a:bodyPr/>
          <a:lstStyle>
            <a:lvl1pPr marL="0" indent="0">
              <a:lnSpc>
                <a:spcPct val="100000"/>
              </a:lnSpc>
              <a:buNone/>
              <a:defRPr sz="2000"/>
            </a:lvl1pPr>
          </a:lstStyle>
          <a:p>
            <a:pPr lvl="0"/>
            <a:r>
              <a:rPr lang="fr-CH" dirty="0" err="1"/>
              <a:t>Kernaussage</a:t>
            </a:r>
            <a:endParaRPr lang="fr-CH" dirty="0"/>
          </a:p>
        </p:txBody>
      </p:sp>
      <p:sp>
        <p:nvSpPr>
          <p:cNvPr id="12" name="Content Placeholder 3">
            <a:extLst>
              <a:ext uri="{FF2B5EF4-FFF2-40B4-BE49-F238E27FC236}">
                <a16:creationId xmlns:a16="http://schemas.microsoft.com/office/drawing/2014/main" id="{5F5A8F1C-9EA5-4DCA-AB7F-2899FA6151D1}"/>
              </a:ext>
            </a:extLst>
          </p:cNvPr>
          <p:cNvSpPr>
            <a:spLocks noGrp="1"/>
          </p:cNvSpPr>
          <p:nvPr>
            <p:ph sz="half" idx="16"/>
          </p:nvPr>
        </p:nvSpPr>
        <p:spPr>
          <a:xfrm>
            <a:off x="4151710" y="3501009"/>
            <a:ext cx="3600053" cy="2159445"/>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4" name="Content Placeholder 3">
            <a:extLst>
              <a:ext uri="{FF2B5EF4-FFF2-40B4-BE49-F238E27FC236}">
                <a16:creationId xmlns:a16="http://schemas.microsoft.com/office/drawing/2014/main" id="{5702ECDA-C7AE-49FB-98C9-BB61C06B4D48}"/>
              </a:ext>
            </a:extLst>
          </p:cNvPr>
          <p:cNvSpPr>
            <a:spLocks noGrp="1"/>
          </p:cNvSpPr>
          <p:nvPr>
            <p:ph sz="half" idx="17"/>
          </p:nvPr>
        </p:nvSpPr>
        <p:spPr>
          <a:xfrm>
            <a:off x="7968060" y="3501008"/>
            <a:ext cx="3600053" cy="2159445"/>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5" name="Text Placeholder 12">
            <a:extLst>
              <a:ext uri="{FF2B5EF4-FFF2-40B4-BE49-F238E27FC236}">
                <a16:creationId xmlns:a16="http://schemas.microsoft.com/office/drawing/2014/main" id="{BE399F86-280A-4F03-A4A1-1CAC749B5762}"/>
              </a:ext>
            </a:extLst>
          </p:cNvPr>
          <p:cNvSpPr>
            <a:spLocks noGrp="1"/>
          </p:cNvSpPr>
          <p:nvPr>
            <p:ph type="body" sz="quarter" idx="18" hasCustomPrompt="1"/>
          </p:nvPr>
        </p:nvSpPr>
        <p:spPr>
          <a:xfrm>
            <a:off x="334963" y="3501008"/>
            <a:ext cx="2879725" cy="2159445"/>
          </a:xfrm>
        </p:spPr>
        <p:txBody>
          <a:bodyPr/>
          <a:lstStyle>
            <a:lvl1pPr marL="0" indent="0">
              <a:lnSpc>
                <a:spcPct val="100000"/>
              </a:lnSpc>
              <a:buNone/>
              <a:defRPr sz="2000"/>
            </a:lvl1pPr>
          </a:lstStyle>
          <a:p>
            <a:pPr lvl="0"/>
            <a:r>
              <a:rPr lang="fr-CH" dirty="0" err="1"/>
              <a:t>Kernaussage</a:t>
            </a:r>
            <a:endParaRPr lang="fr-CH" dirty="0"/>
          </a:p>
        </p:txBody>
      </p:sp>
      <p:cxnSp>
        <p:nvCxnSpPr>
          <p:cNvPr id="16" name="Straight Connector 15">
            <a:extLst>
              <a:ext uri="{FF2B5EF4-FFF2-40B4-BE49-F238E27FC236}">
                <a16:creationId xmlns:a16="http://schemas.microsoft.com/office/drawing/2014/main" id="{573D2F41-77A4-4E25-B7A0-A4A29919DBFD}"/>
              </a:ext>
            </a:extLst>
          </p:cNvPr>
          <p:cNvCxnSpPr>
            <a:cxnSpLocks/>
          </p:cNvCxnSpPr>
          <p:nvPr userDrawn="1"/>
        </p:nvCxnSpPr>
        <p:spPr>
          <a:xfrm>
            <a:off x="4151710" y="980728"/>
            <a:ext cx="7416403" cy="0"/>
          </a:xfrm>
          <a:prstGeom prst="line">
            <a:avLst/>
          </a:prstGeom>
          <a:ln w="9525">
            <a:solidFill>
              <a:srgbClr val="969696"/>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6EEE5ACB-454C-49AC-BF96-DD392CF3416E}"/>
              </a:ext>
            </a:extLst>
          </p:cNvPr>
          <p:cNvCxnSpPr>
            <a:cxnSpLocks/>
          </p:cNvCxnSpPr>
          <p:nvPr userDrawn="1"/>
        </p:nvCxnSpPr>
        <p:spPr>
          <a:xfrm>
            <a:off x="4151710" y="3429000"/>
            <a:ext cx="7416403" cy="0"/>
          </a:xfrm>
          <a:prstGeom prst="line">
            <a:avLst/>
          </a:prstGeom>
          <a:ln w="9525">
            <a:solidFill>
              <a:srgbClr val="969696"/>
            </a:solidFill>
          </a:ln>
        </p:spPr>
        <p:style>
          <a:lnRef idx="1">
            <a:schemeClr val="accent1"/>
          </a:lnRef>
          <a:fillRef idx="0">
            <a:schemeClr val="accent1"/>
          </a:fillRef>
          <a:effectRef idx="0">
            <a:schemeClr val="accent1"/>
          </a:effectRef>
          <a:fontRef idx="minor">
            <a:schemeClr val="tx1"/>
          </a:fontRef>
        </p:style>
      </p:cxnSp>
      <p:sp>
        <p:nvSpPr>
          <p:cNvPr id="3" name="Foliennummernplatzhalter 2">
            <a:extLst>
              <a:ext uri="{FF2B5EF4-FFF2-40B4-BE49-F238E27FC236}">
                <a16:creationId xmlns:a16="http://schemas.microsoft.com/office/drawing/2014/main" id="{A8F4CE5A-DAA9-4D14-B6EC-153953329F37}"/>
              </a:ext>
            </a:extLst>
          </p:cNvPr>
          <p:cNvSpPr>
            <a:spLocks noGrp="1"/>
          </p:cNvSpPr>
          <p:nvPr>
            <p:ph type="sldNum" sz="quarter" idx="19"/>
          </p:nvPr>
        </p:nvSpPr>
        <p:spPr/>
        <p:txBody>
          <a:bodyPr/>
          <a:lstStyle/>
          <a:p>
            <a:fld id="{7910BA5C-6450-49B5-9D95-E7B215C4BE75}" type="slidenum">
              <a:rPr lang="fr-CH" smtClean="0"/>
              <a:pPr/>
              <a:t>‹N°›</a:t>
            </a:fld>
            <a:endParaRPr lang="fr-CH" dirty="0"/>
          </a:p>
        </p:txBody>
      </p:sp>
      <p:cxnSp>
        <p:nvCxnSpPr>
          <p:cNvPr id="20" name="Straight Connector 15">
            <a:extLst>
              <a:ext uri="{FF2B5EF4-FFF2-40B4-BE49-F238E27FC236}">
                <a16:creationId xmlns:a16="http://schemas.microsoft.com/office/drawing/2014/main" id="{8C825008-6E4D-4D5B-80C0-1889B1DA3EA6}"/>
              </a:ext>
            </a:extLst>
          </p:cNvPr>
          <p:cNvCxnSpPr>
            <a:cxnSpLocks/>
          </p:cNvCxnSpPr>
          <p:nvPr userDrawn="1"/>
        </p:nvCxnSpPr>
        <p:spPr>
          <a:xfrm>
            <a:off x="334963" y="980728"/>
            <a:ext cx="2879725" cy="0"/>
          </a:xfrm>
          <a:prstGeom prst="line">
            <a:avLst/>
          </a:prstGeom>
          <a:ln w="9525">
            <a:solidFill>
              <a:srgbClr val="969696"/>
            </a:solidFill>
          </a:ln>
        </p:spPr>
        <p:style>
          <a:lnRef idx="1">
            <a:schemeClr val="accent1"/>
          </a:lnRef>
          <a:fillRef idx="0">
            <a:schemeClr val="accent1"/>
          </a:fillRef>
          <a:effectRef idx="0">
            <a:schemeClr val="accent1"/>
          </a:effectRef>
          <a:fontRef idx="minor">
            <a:schemeClr val="tx1"/>
          </a:fontRef>
        </p:style>
      </p:cxnSp>
      <p:cxnSp>
        <p:nvCxnSpPr>
          <p:cNvPr id="22" name="Straight Connector 15">
            <a:extLst>
              <a:ext uri="{FF2B5EF4-FFF2-40B4-BE49-F238E27FC236}">
                <a16:creationId xmlns:a16="http://schemas.microsoft.com/office/drawing/2014/main" id="{F9152670-1857-42C5-BE87-E00B1EC35F4C}"/>
              </a:ext>
            </a:extLst>
          </p:cNvPr>
          <p:cNvCxnSpPr>
            <a:cxnSpLocks/>
          </p:cNvCxnSpPr>
          <p:nvPr userDrawn="1"/>
        </p:nvCxnSpPr>
        <p:spPr>
          <a:xfrm>
            <a:off x="334963" y="3429000"/>
            <a:ext cx="2879725" cy="0"/>
          </a:xfrm>
          <a:prstGeom prst="line">
            <a:avLst/>
          </a:prstGeom>
          <a:ln w="9525">
            <a:solidFill>
              <a:srgbClr val="969696"/>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2BBA6724-E824-4A9E-89BC-2506B7CCFBE7}"/>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21" name="Date dynamic" descr="{&quot;templafy&quot;:{&quot;id&quot;:&quot;a6a1844b-ed88-49a5-aa8a-4f1226fb1615&quot;}}">
            <a:extLst>
              <a:ext uri="{FF2B5EF4-FFF2-40B4-BE49-F238E27FC236}">
                <a16:creationId xmlns:a16="http://schemas.microsoft.com/office/drawing/2014/main" id="{606CDF28-AC80-4128-FD8F-EF3274DCF26C}"/>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24" name="Datumsplatzhalter 4">
            <a:extLst>
              <a:ext uri="{FF2B5EF4-FFF2-40B4-BE49-F238E27FC236}">
                <a16:creationId xmlns:a16="http://schemas.microsoft.com/office/drawing/2014/main" id="{EC0DD113-937D-65E1-A07F-B589B5B436FA}"/>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5" name="Confidentiality dynamic" descr="{&quot;templafy&quot;:{&quot;id&quot;:&quot;034e34cf-0703-4ca1-b506-58a937f1350f&quot;}}">
            <a:extLst>
              <a:ext uri="{FF2B5EF4-FFF2-40B4-BE49-F238E27FC236}">
                <a16:creationId xmlns:a16="http://schemas.microsoft.com/office/drawing/2014/main" id="{FB691551-5971-D7D6-DACD-06C56A7A050B}"/>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3972711135"/>
      </p:ext>
    </p:extLst>
  </p:cSld>
  <p:clrMapOvr>
    <a:masterClrMapping/>
  </p:clrMapOvr>
  <p:hf hdr="0"/>
</p:sldLayout>
</file>

<file path=ppt/slideLayouts/slideLayout23.xml><?xml version="1.0" encoding="utf-8"?>
<p:sldLayout xmlns:a="http://schemas.openxmlformats.org/drawingml/2006/main" xmlns:r="http://schemas.openxmlformats.org/officeDocument/2006/relationships" xmlns:p="http://schemas.openxmlformats.org/presentationml/2006/main" matchingName="Kernaussage akzentuiert" preserve="1" userDrawn="1">
  <p:cSld name="Kernaussage akzentuiert">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1" y="-429"/>
            <a:ext cx="352782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hasCustomPrompt="1"/>
          </p:nvPr>
        </p:nvSpPr>
        <p:spPr>
          <a:xfrm>
            <a:off x="334963" y="1916113"/>
            <a:ext cx="2879725" cy="4024312"/>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3C322929-CCCE-4C98-97E2-2CAA9E88449E}"/>
              </a:ext>
            </a:extLst>
          </p:cNvPr>
          <p:cNvSpPr>
            <a:spLocks noGrp="1"/>
          </p:cNvSpPr>
          <p:nvPr>
            <p:ph type="sldNum" sz="quarter" idx="16"/>
          </p:nvPr>
        </p:nvSpPr>
        <p:spPr/>
        <p:txBody>
          <a:bodyPr/>
          <a:lstStyle/>
          <a:p>
            <a:fld id="{6B4E1B5C-C2B1-4CDF-B350-7FFCB8B9AB3D}" type="slidenum">
              <a:rPr lang="fr-CH" smtClean="0"/>
              <a:pPr/>
              <a:t>‹N°›</a:t>
            </a:fld>
            <a:endParaRPr lang="fr-CH" dirty="0"/>
          </a:p>
        </p:txBody>
      </p:sp>
      <p:sp>
        <p:nvSpPr>
          <p:cNvPr id="5" name="TextBox 4">
            <a:extLst>
              <a:ext uri="{FF2B5EF4-FFF2-40B4-BE49-F238E27FC236}">
                <a16:creationId xmlns:a16="http://schemas.microsoft.com/office/drawing/2014/main" id="{95618598-8472-4D27-9977-A11A2D6A52DE}"/>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10" name="Datumsplatzhalter 3">
            <a:extLst>
              <a:ext uri="{FF2B5EF4-FFF2-40B4-BE49-F238E27FC236}">
                <a16:creationId xmlns:a16="http://schemas.microsoft.com/office/drawing/2014/main" id="{BE2FB0BA-BE19-B637-A04A-BF1ED090F04A}"/>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4" name="Date dynamic" descr="{&quot;templafy&quot;:{&quot;id&quot;:&quot;1e40a04e-1892-44ed-b23f-dbaac9f4f930&quot;}}">
            <a:extLst>
              <a:ext uri="{FF2B5EF4-FFF2-40B4-BE49-F238E27FC236}">
                <a16:creationId xmlns:a16="http://schemas.microsoft.com/office/drawing/2014/main" id="{DC1E13F5-D05C-06B1-2B13-4CCDA94523E7}"/>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4" name="Confidentiality dynamic" descr="{&quot;templafy&quot;:{&quot;id&quot;:&quot;96b194fe-7f7a-4878-8715-30e1f232777b&quot;}}">
            <a:extLst>
              <a:ext uri="{FF2B5EF4-FFF2-40B4-BE49-F238E27FC236}">
                <a16:creationId xmlns:a16="http://schemas.microsoft.com/office/drawing/2014/main" id="{D07E44B5-71A5-5D1E-2E10-F06DEE04CD23}"/>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1148935221"/>
      </p:ext>
    </p:extLst>
  </p:cSld>
  <p:clrMapOvr>
    <a:masterClrMapping/>
  </p:clrMapOvr>
  <p:hf hdr="0"/>
</p:sldLayout>
</file>

<file path=ppt/slideLayouts/slideLayout24.xml><?xml version="1.0" encoding="utf-8"?>
<p:sldLayout xmlns:a="http://schemas.openxmlformats.org/drawingml/2006/main" xmlns:r="http://schemas.openxmlformats.org/officeDocument/2006/relationships" xmlns:p="http://schemas.openxmlformats.org/presentationml/2006/main" matchingName="Kernaussage grau" preserve="1" userDrawn="1">
  <p:cSld name="Kernaussage grau">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1" y="-429"/>
            <a:ext cx="3527823" cy="6858000"/>
          </a:xfrm>
          <a:prstGeom prst="rect">
            <a:avLst/>
          </a:prstGeom>
          <a:solidFill>
            <a:srgbClr val="F0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hasCustomPrompt="1"/>
          </p:nvPr>
        </p:nvSpPr>
        <p:spPr>
          <a:xfrm>
            <a:off x="334963" y="1916113"/>
            <a:ext cx="2879725" cy="4024312"/>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3C322929-CCCE-4C98-97E2-2CAA9E88449E}"/>
              </a:ext>
            </a:extLst>
          </p:cNvPr>
          <p:cNvSpPr>
            <a:spLocks noGrp="1"/>
          </p:cNvSpPr>
          <p:nvPr>
            <p:ph type="sldNum" sz="quarter" idx="16"/>
          </p:nvPr>
        </p:nvSpPr>
        <p:spPr/>
        <p:txBody>
          <a:bodyPr/>
          <a:lstStyle/>
          <a:p>
            <a:fld id="{93CBC364-D1BE-4555-812A-AA940301E71E}" type="slidenum">
              <a:rPr lang="fr-CH" smtClean="0"/>
              <a:pPr/>
              <a:t>‹N°›</a:t>
            </a:fld>
            <a:endParaRPr lang="fr-CH" dirty="0"/>
          </a:p>
        </p:txBody>
      </p:sp>
      <p:sp>
        <p:nvSpPr>
          <p:cNvPr id="5" name="TextBox 4">
            <a:extLst>
              <a:ext uri="{FF2B5EF4-FFF2-40B4-BE49-F238E27FC236}">
                <a16:creationId xmlns:a16="http://schemas.microsoft.com/office/drawing/2014/main" id="{95618598-8472-4D27-9977-A11A2D6A52DE}"/>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10" name="Datumsplatzhalter 3">
            <a:extLst>
              <a:ext uri="{FF2B5EF4-FFF2-40B4-BE49-F238E27FC236}">
                <a16:creationId xmlns:a16="http://schemas.microsoft.com/office/drawing/2014/main" id="{5BD52E4A-B40B-75D0-A163-2CFE72467201}"/>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4" name="Date dynamic" descr="{&quot;templafy&quot;:{&quot;id&quot;:&quot;ff460ead-055a-4509-bad6-818ccded5df6&quot;}}">
            <a:extLst>
              <a:ext uri="{FF2B5EF4-FFF2-40B4-BE49-F238E27FC236}">
                <a16:creationId xmlns:a16="http://schemas.microsoft.com/office/drawing/2014/main" id="{01D8B915-D870-D42C-9061-D741A9D7EC58}"/>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6" name="Confidentiality dynamic" descr="{&quot;templafy&quot;:{&quot;id&quot;:&quot;eec75cf6-4bf6-4c71-8a86-2684afd2745e&quot;}}">
            <a:extLst>
              <a:ext uri="{FF2B5EF4-FFF2-40B4-BE49-F238E27FC236}">
                <a16:creationId xmlns:a16="http://schemas.microsoft.com/office/drawing/2014/main" id="{2869D3D6-E5A2-AB9E-4062-FFE31DA2F249}"/>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575373479"/>
      </p:ext>
    </p:extLst>
  </p:cSld>
  <p:clrMapOvr>
    <a:masterClrMapping/>
  </p:clrMapOvr>
  <p:hf hdr="0"/>
</p:sldLayout>
</file>

<file path=ppt/slideLayouts/slideLayout25.xml><?xml version="1.0" encoding="utf-8"?>
<p:sldLayout xmlns:a="http://schemas.openxmlformats.org/drawingml/2006/main" xmlns:r="http://schemas.openxmlformats.org/officeDocument/2006/relationships" xmlns:p="http://schemas.openxmlformats.org/presentationml/2006/main" matchingName="Nur Kernaussage" preserve="1" userDrawn="1">
  <p:cSld name="Nur Kernaussag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3" y="1916113"/>
            <a:ext cx="5761037" cy="2376984"/>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934CC874-8A4D-4D34-997E-5FD2AC5F2953}"/>
              </a:ext>
            </a:extLst>
          </p:cNvPr>
          <p:cNvSpPr>
            <a:spLocks noGrp="1"/>
          </p:cNvSpPr>
          <p:nvPr>
            <p:ph type="sldNum" sz="quarter" idx="15"/>
          </p:nvPr>
        </p:nvSpPr>
        <p:spPr/>
        <p:txBody>
          <a:bodyPr/>
          <a:lstStyle/>
          <a:p>
            <a:fld id="{DFE121E0-7B5C-484F-9694-6A8D3F464C8C}" type="slidenum">
              <a:rPr lang="fr-CH" smtClean="0"/>
              <a:pPr/>
              <a:t>‹N°›</a:t>
            </a:fld>
            <a:endParaRPr lang="fr-CH" dirty="0"/>
          </a:p>
        </p:txBody>
      </p:sp>
      <p:sp>
        <p:nvSpPr>
          <p:cNvPr id="5" name="TextBox 4">
            <a:extLst>
              <a:ext uri="{FF2B5EF4-FFF2-40B4-BE49-F238E27FC236}">
                <a16:creationId xmlns:a16="http://schemas.microsoft.com/office/drawing/2014/main" id="{389974A3-9071-4BC3-B394-1B93A6E617A2}"/>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0" name="Datumsplatzhalter 3">
            <a:extLst>
              <a:ext uri="{FF2B5EF4-FFF2-40B4-BE49-F238E27FC236}">
                <a16:creationId xmlns:a16="http://schemas.microsoft.com/office/drawing/2014/main" id="{2CF50D47-B8F4-9C93-D3BD-17144C4436EF}"/>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370526021"/>
      </p:ext>
    </p:extLst>
  </p:cSld>
  <p:clrMapOvr>
    <a:masterClrMapping/>
  </p:clrMapOvr>
  <p:hf hdr="0"/>
</p:sldLayout>
</file>

<file path=ppt/slideLayouts/slideLayout26.xml><?xml version="1.0" encoding="utf-8"?>
<p:sldLayout xmlns:a="http://schemas.openxmlformats.org/drawingml/2006/main" xmlns:r="http://schemas.openxmlformats.org/officeDocument/2006/relationships" xmlns:p="http://schemas.openxmlformats.org/presentationml/2006/main" matchingName="Diagrammfolie" preserve="1" userDrawn="1">
  <p:cSld name="Diagrammfoli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3" y="1916113"/>
            <a:ext cx="3528789" cy="2376984"/>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934CC874-8A4D-4D34-997E-5FD2AC5F2953}"/>
              </a:ext>
            </a:extLst>
          </p:cNvPr>
          <p:cNvSpPr>
            <a:spLocks noGrp="1"/>
          </p:cNvSpPr>
          <p:nvPr>
            <p:ph type="sldNum" sz="quarter" idx="15"/>
          </p:nvPr>
        </p:nvSpPr>
        <p:spPr/>
        <p:txBody>
          <a:bodyPr/>
          <a:lstStyle/>
          <a:p>
            <a:fld id="{07C8AFE8-14D4-4DE4-88F0-BB3DFE3DEA83}" type="slidenum">
              <a:rPr lang="fr-CH" smtClean="0"/>
              <a:pPr/>
              <a:t>‹N°›</a:t>
            </a:fld>
            <a:endParaRPr lang="fr-CH" dirty="0"/>
          </a:p>
        </p:txBody>
      </p:sp>
      <p:sp>
        <p:nvSpPr>
          <p:cNvPr id="5" name="TextBox 4">
            <a:extLst>
              <a:ext uri="{FF2B5EF4-FFF2-40B4-BE49-F238E27FC236}">
                <a16:creationId xmlns:a16="http://schemas.microsoft.com/office/drawing/2014/main" id="{389974A3-9071-4BC3-B394-1B93A6E617A2}"/>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7" name="Textplatzhalter 6">
            <a:extLst>
              <a:ext uri="{FF2B5EF4-FFF2-40B4-BE49-F238E27FC236}">
                <a16:creationId xmlns:a16="http://schemas.microsoft.com/office/drawing/2014/main" id="{F7260F13-B535-486A-AEC8-E4D769A0FD71}"/>
              </a:ext>
            </a:extLst>
          </p:cNvPr>
          <p:cNvSpPr>
            <a:spLocks noGrp="1"/>
          </p:cNvSpPr>
          <p:nvPr>
            <p:ph type="body" sz="quarter" idx="18" hasCustomPrompt="1"/>
          </p:nvPr>
        </p:nvSpPr>
        <p:spPr>
          <a:xfrm>
            <a:off x="341097" y="1689093"/>
            <a:ext cx="3522655" cy="226591"/>
          </a:xfrm>
        </p:spPr>
        <p:txBody>
          <a:bodyPr bIns="72000" anchor="b" anchorCtr="0">
            <a:spAutoFit/>
          </a:bodyPr>
          <a:lstStyle>
            <a:lvl1pPr marL="0" indent="0">
              <a:lnSpc>
                <a:spcPct val="100000"/>
              </a:lnSpc>
              <a:spcBef>
                <a:spcPts val="0"/>
              </a:spcBef>
              <a:buNone/>
              <a:defRPr sz="1000">
                <a:solidFill>
                  <a:schemeClr val="tx2"/>
                </a:solidFill>
              </a:defRPr>
            </a:lvl1pPr>
          </a:lstStyle>
          <a:p>
            <a:pPr lvl="0"/>
            <a:r>
              <a:rPr lang="fr-CH" dirty="0" err="1"/>
              <a:t>Diagrammtitel</a:t>
            </a:r>
            <a:endParaRPr lang="fr-CH" dirty="0"/>
          </a:p>
        </p:txBody>
      </p:sp>
      <p:sp>
        <p:nvSpPr>
          <p:cNvPr id="12" name="Datumsplatzhalter 3">
            <a:extLst>
              <a:ext uri="{FF2B5EF4-FFF2-40B4-BE49-F238E27FC236}">
                <a16:creationId xmlns:a16="http://schemas.microsoft.com/office/drawing/2014/main" id="{A4B9B977-372C-E7A9-CD1C-21333A9DD355}"/>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2117407687"/>
      </p:ext>
    </p:extLst>
  </p:cSld>
  <p:clrMapOvr>
    <a:masterClrMapping/>
  </p:clrMapOvr>
  <p:hf hdr="0"/>
</p:sldLayout>
</file>

<file path=ppt/slideLayouts/slideLayout27.xml><?xml version="1.0" encoding="utf-8"?>
<p:sldLayout xmlns:a="http://schemas.openxmlformats.org/drawingml/2006/main" xmlns:r="http://schemas.openxmlformats.org/officeDocument/2006/relationships" xmlns:p="http://schemas.openxmlformats.org/presentationml/2006/main" matchingName="Nur zwei Kernaussagen" preserve="1" userDrawn="1">
  <p:cSld name="Nur zwei Kernaussage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3" y="1916113"/>
            <a:ext cx="3600797" cy="2376000"/>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934CC874-8A4D-4D34-997E-5FD2AC5F2953}"/>
              </a:ext>
            </a:extLst>
          </p:cNvPr>
          <p:cNvSpPr>
            <a:spLocks noGrp="1"/>
          </p:cNvSpPr>
          <p:nvPr>
            <p:ph type="sldNum" sz="quarter" idx="15"/>
          </p:nvPr>
        </p:nvSpPr>
        <p:spPr/>
        <p:txBody>
          <a:bodyPr/>
          <a:lstStyle/>
          <a:p>
            <a:fld id="{B4CA112D-1B4D-4C17-ADB2-B0BC1BA2F95F}" type="slidenum">
              <a:rPr lang="fr-CH" smtClean="0"/>
              <a:pPr/>
              <a:t>‹N°›</a:t>
            </a:fld>
            <a:endParaRPr lang="fr-CH" dirty="0"/>
          </a:p>
        </p:txBody>
      </p:sp>
      <p:sp>
        <p:nvSpPr>
          <p:cNvPr id="8" name="Text Placeholder 10">
            <a:extLst>
              <a:ext uri="{FF2B5EF4-FFF2-40B4-BE49-F238E27FC236}">
                <a16:creationId xmlns:a16="http://schemas.microsoft.com/office/drawing/2014/main" id="{BB56B21E-8D48-4631-BE5A-A5C789FF044B}"/>
              </a:ext>
            </a:extLst>
          </p:cNvPr>
          <p:cNvSpPr>
            <a:spLocks noGrp="1"/>
          </p:cNvSpPr>
          <p:nvPr>
            <p:ph type="body" sz="quarter" idx="16" hasCustomPrompt="1"/>
          </p:nvPr>
        </p:nvSpPr>
        <p:spPr>
          <a:xfrm>
            <a:off x="5159375" y="1916112"/>
            <a:ext cx="3600797" cy="2376000"/>
          </a:xfrm>
        </p:spPr>
        <p:txBody>
          <a:bodyPr/>
          <a:lstStyle>
            <a:lvl1pPr marL="0" indent="0">
              <a:lnSpc>
                <a:spcPct val="100000"/>
              </a:lnSpc>
              <a:buNone/>
              <a:defRPr sz="2000"/>
            </a:lvl1pPr>
          </a:lstStyle>
          <a:p>
            <a:pPr lvl="0"/>
            <a:r>
              <a:rPr lang="fr-CH" dirty="0" err="1"/>
              <a:t>Kernaussage</a:t>
            </a:r>
            <a:endParaRPr lang="fr-CH" dirty="0"/>
          </a:p>
        </p:txBody>
      </p:sp>
      <p:sp>
        <p:nvSpPr>
          <p:cNvPr id="5" name="TextBox 4">
            <a:extLst>
              <a:ext uri="{FF2B5EF4-FFF2-40B4-BE49-F238E27FC236}">
                <a16:creationId xmlns:a16="http://schemas.microsoft.com/office/drawing/2014/main" id="{4A907090-6550-4B9C-B3BE-934961D8D08F}"/>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2" name="Datumsplatzhalter 3">
            <a:extLst>
              <a:ext uri="{FF2B5EF4-FFF2-40B4-BE49-F238E27FC236}">
                <a16:creationId xmlns:a16="http://schemas.microsoft.com/office/drawing/2014/main" id="{BD61AAFD-4EBA-F1B4-8FE1-5F72060B80CF}"/>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3040933298"/>
      </p:ext>
    </p:extLst>
  </p:cSld>
  <p:clrMapOvr>
    <a:masterClrMapping/>
  </p:clrMapOvr>
  <p:hf hdr="0"/>
</p:sldLayout>
</file>

<file path=ppt/slideLayouts/slideLayout28.xml><?xml version="1.0" encoding="utf-8"?>
<p:sldLayout xmlns:a="http://schemas.openxmlformats.org/drawingml/2006/main" xmlns:r="http://schemas.openxmlformats.org/officeDocument/2006/relationships" xmlns:p="http://schemas.openxmlformats.org/presentationml/2006/main" matchingName="Kernaussage und Inhalt akzentuiert" preserve="1" userDrawn="1">
  <p:cSld name="Kernaussage und Inhalt akzentuiert">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1" y="-429"/>
            <a:ext cx="453598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4963" y="518400"/>
            <a:ext cx="936000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5159374" y="1916113"/>
            <a:ext cx="4537075" cy="4033837"/>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hasCustomPrompt="1"/>
          </p:nvPr>
        </p:nvSpPr>
        <p:spPr>
          <a:xfrm>
            <a:off x="334963" y="1916113"/>
            <a:ext cx="3600450" cy="4024312"/>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EFCD7590-203B-4F33-841E-D2CC7CDC9925}"/>
              </a:ext>
            </a:extLst>
          </p:cNvPr>
          <p:cNvSpPr>
            <a:spLocks noGrp="1"/>
          </p:cNvSpPr>
          <p:nvPr>
            <p:ph type="sldNum" sz="quarter" idx="16"/>
          </p:nvPr>
        </p:nvSpPr>
        <p:spPr/>
        <p:txBody>
          <a:bodyPr/>
          <a:lstStyle/>
          <a:p>
            <a:fld id="{576E6170-ED63-429A-A5F8-1E2171234F46}" type="slidenum">
              <a:rPr lang="fr-CH" smtClean="0"/>
              <a:pPr/>
              <a:t>‹N°›</a:t>
            </a:fld>
            <a:endParaRPr lang="fr-CH" dirty="0"/>
          </a:p>
        </p:txBody>
      </p:sp>
      <p:sp>
        <p:nvSpPr>
          <p:cNvPr id="6" name="TextBox 5">
            <a:extLst>
              <a:ext uri="{FF2B5EF4-FFF2-40B4-BE49-F238E27FC236}">
                <a16:creationId xmlns:a16="http://schemas.microsoft.com/office/drawing/2014/main" id="{E7BCB0BB-CEFF-49CB-9BCD-51A1DBD55DA7}"/>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12" name="Datumsplatzhalter 4">
            <a:extLst>
              <a:ext uri="{FF2B5EF4-FFF2-40B4-BE49-F238E27FC236}">
                <a16:creationId xmlns:a16="http://schemas.microsoft.com/office/drawing/2014/main" id="{5DD0499F-9893-A999-1EE3-048B9E1A3892}"/>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5" name="Date dynamic" descr="{&quot;templafy&quot;:{&quot;id&quot;:&quot;211319ab-1045-4d18-949e-1a2ca823e199&quot;}}">
            <a:extLst>
              <a:ext uri="{FF2B5EF4-FFF2-40B4-BE49-F238E27FC236}">
                <a16:creationId xmlns:a16="http://schemas.microsoft.com/office/drawing/2014/main" id="{0F4EB84A-6B89-DA25-19A7-4945267017D9}"/>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7" name="Confidentiality dynamic" descr="{&quot;templafy&quot;:{&quot;id&quot;:&quot;7369c872-de6a-459f-812e-0cd6c5a1efca&quot;}}">
            <a:extLst>
              <a:ext uri="{FF2B5EF4-FFF2-40B4-BE49-F238E27FC236}">
                <a16:creationId xmlns:a16="http://schemas.microsoft.com/office/drawing/2014/main" id="{4DEE15CB-8143-D09B-ECBD-4E86E306E57D}"/>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2303668209"/>
      </p:ext>
    </p:extLst>
  </p:cSld>
  <p:clrMapOvr>
    <a:masterClrMapping/>
  </p:clrMapOvr>
  <p:hf hdr="0"/>
</p:sldLayout>
</file>

<file path=ppt/slideLayouts/slideLayout29.xml><?xml version="1.0" encoding="utf-8"?>
<p:sldLayout xmlns:a="http://schemas.openxmlformats.org/drawingml/2006/main" xmlns:r="http://schemas.openxmlformats.org/officeDocument/2006/relationships" xmlns:p="http://schemas.openxmlformats.org/presentationml/2006/main" matchingName="Kernaussage und Inhalt grau" preserve="1" userDrawn="1">
  <p:cSld name="Kernaussage und Inhalt grau">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1" y="-429"/>
            <a:ext cx="4535983" cy="6858000"/>
          </a:xfrm>
          <a:prstGeom prst="rect">
            <a:avLst/>
          </a:prstGeom>
          <a:solidFill>
            <a:srgbClr val="F0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5159374" y="1916113"/>
            <a:ext cx="4537075" cy="4033837"/>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hasCustomPrompt="1"/>
          </p:nvPr>
        </p:nvSpPr>
        <p:spPr>
          <a:xfrm>
            <a:off x="334963" y="1916113"/>
            <a:ext cx="3600450" cy="4024312"/>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4EA9F361-8320-4CCC-98C5-582771866EB1}"/>
              </a:ext>
            </a:extLst>
          </p:cNvPr>
          <p:cNvSpPr>
            <a:spLocks noGrp="1"/>
          </p:cNvSpPr>
          <p:nvPr>
            <p:ph type="sldNum" sz="quarter" idx="16"/>
          </p:nvPr>
        </p:nvSpPr>
        <p:spPr/>
        <p:txBody>
          <a:bodyPr/>
          <a:lstStyle/>
          <a:p>
            <a:fld id="{106CE819-EED7-4B1E-B9C2-3B597E6E436B}" type="slidenum">
              <a:rPr lang="fr-CH" smtClean="0"/>
              <a:pPr/>
              <a:t>‹N°›</a:t>
            </a:fld>
            <a:endParaRPr lang="fr-CH" dirty="0"/>
          </a:p>
        </p:txBody>
      </p:sp>
      <p:sp>
        <p:nvSpPr>
          <p:cNvPr id="6" name="TextBox 5">
            <a:extLst>
              <a:ext uri="{FF2B5EF4-FFF2-40B4-BE49-F238E27FC236}">
                <a16:creationId xmlns:a16="http://schemas.microsoft.com/office/drawing/2014/main" id="{9A451181-CC22-481F-8BFA-5FC6BC4BAFCD}"/>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12" name="Datumsplatzhalter 4">
            <a:extLst>
              <a:ext uri="{FF2B5EF4-FFF2-40B4-BE49-F238E27FC236}">
                <a16:creationId xmlns:a16="http://schemas.microsoft.com/office/drawing/2014/main" id="{FC6DE347-9E26-0D42-A264-8942495683F3}"/>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5" name="Date dynamic" descr="{&quot;templafy&quot;:{&quot;id&quot;:&quot;1c0ca08f-db8e-4068-8653-17c63b69e706&quot;}}">
            <a:extLst>
              <a:ext uri="{FF2B5EF4-FFF2-40B4-BE49-F238E27FC236}">
                <a16:creationId xmlns:a16="http://schemas.microsoft.com/office/drawing/2014/main" id="{B3039325-9452-F104-6A1F-7BFB6B5E5F33}"/>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7" name="Confidentiality dynamic" descr="{&quot;templafy&quot;:{&quot;id&quot;:&quot;929434cd-81f0-4de1-bf74-6bd88ff17f0f&quot;}}">
            <a:extLst>
              <a:ext uri="{FF2B5EF4-FFF2-40B4-BE49-F238E27FC236}">
                <a16:creationId xmlns:a16="http://schemas.microsoft.com/office/drawing/2014/main" id="{2D1522B7-FE1E-F193-A292-3E9381D2F8B0}"/>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4230634416"/>
      </p:ext>
    </p:extLst>
  </p:cSld>
  <p:clrMapOvr>
    <a:masterClrMapping/>
  </p:clrMapOvr>
  <p:hf hdr="0"/>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matchingName="Titelfolie zentriert mit Bild" preserve="1" userDrawn="1">
  <p:cSld name="Titelfolie zentriert mit Bild">
    <p:bg>
      <p:bgPr>
        <a:blipFill dpi="0" rotWithShape="1">
          <a:blip r:embed="rId5">
            <a:lum/>
          </a:blip>
          <a:srcRect/>
          <a:stretch>
            <a:fillRect l="-4000" r="-4000"/>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6D447A3-1908-49AF-8A13-C55C4C31B90A}"/>
              </a:ext>
            </a:extLst>
          </p:cNvPr>
          <p:cNvSpPr>
            <a:spLocks noGrp="1"/>
          </p:cNvSpPr>
          <p:nvPr>
            <p:ph type="ctrTitle"/>
          </p:nvPr>
        </p:nvSpPr>
        <p:spPr>
          <a:xfrm>
            <a:off x="2135560" y="1122362"/>
            <a:ext cx="7920880" cy="2479675"/>
          </a:xfrm>
        </p:spPr>
        <p:txBody>
          <a:bodyPr anchor="b"/>
          <a:lstStyle>
            <a:lvl1pPr algn="ctr">
              <a:lnSpc>
                <a:spcPct val="100000"/>
              </a:lnSpc>
              <a:defRPr sz="3000" b="0">
                <a:solidFill>
                  <a:schemeClr val="bg1"/>
                </a:solidFill>
              </a:defRPr>
            </a:lvl1pPr>
          </a:lstStyle>
          <a:p>
            <a:r>
              <a:rPr lang="fr-CH" dirty="0" err="1"/>
              <a:t>Mastertitelformat</a:t>
            </a:r>
            <a:r>
              <a:rPr lang="fr-CH" dirty="0"/>
              <a:t> </a:t>
            </a:r>
            <a:r>
              <a:rPr lang="fr-CH" dirty="0" err="1"/>
              <a:t>bearbeiten</a:t>
            </a:r>
            <a:endParaRPr lang="fr-CH" dirty="0"/>
          </a:p>
        </p:txBody>
      </p:sp>
      <p:sp>
        <p:nvSpPr>
          <p:cNvPr id="3" name="Subtitle 2">
            <a:extLst>
              <a:ext uri="{FF2B5EF4-FFF2-40B4-BE49-F238E27FC236}">
                <a16:creationId xmlns:a16="http://schemas.microsoft.com/office/drawing/2014/main" id="{08D7740A-619B-49A7-AB15-127E79F1D3A8}"/>
              </a:ext>
            </a:extLst>
          </p:cNvPr>
          <p:cNvSpPr>
            <a:spLocks noGrp="1"/>
          </p:cNvSpPr>
          <p:nvPr>
            <p:ph type="subTitle" idx="1"/>
          </p:nvPr>
        </p:nvSpPr>
        <p:spPr>
          <a:xfrm>
            <a:off x="3215680" y="4077072"/>
            <a:ext cx="5760640" cy="1180728"/>
          </a:xfrm>
        </p:spPr>
        <p:txBody>
          <a:bodyPr/>
          <a:lstStyle>
            <a:lvl1pPr marL="0" indent="0" algn="ctr">
              <a:spcBef>
                <a:spcPts val="0"/>
              </a:spcBef>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fr-CH" dirty="0"/>
              <a:t>Master-</a:t>
            </a:r>
            <a:r>
              <a:rPr lang="fr-CH" dirty="0" err="1"/>
              <a:t>Untertitelformat</a:t>
            </a:r>
            <a:r>
              <a:rPr lang="fr-CH" dirty="0"/>
              <a:t> </a:t>
            </a:r>
            <a:r>
              <a:rPr lang="fr-CH" dirty="0" err="1"/>
              <a:t>bearbeiten</a:t>
            </a:r>
            <a:endParaRPr lang="fr-CH" dirty="0"/>
          </a:p>
        </p:txBody>
      </p:sp>
      <p:pic>
        <p:nvPicPr>
          <p:cNvPr id="8" name="Graphic 7">
            <a:extLst>
              <a:ext uri="{FF2B5EF4-FFF2-40B4-BE49-F238E27FC236}">
                <a16:creationId xmlns:a16="http://schemas.microsoft.com/office/drawing/2014/main" id="{4B84A7D7-9A41-463F-AC28-92139D377DC8}"/>
              </a:ext>
            </a:extLst>
          </p:cNvPr>
          <p:cNvPicPr>
            <a:picLocks noChangeAspect="1"/>
          </p:cNvPicPr>
          <p:nvPr userDrawn="1">
            <p:custDataLst>
              <p:tags r:id="rId1"/>
            </p:custDataLst>
          </p:nvPr>
        </p:nvPicPr>
        <p:blipFill>
          <a:blip r:embed="rId6" cstate="hqprint">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a:xfrm>
            <a:off x="11546988" y="6260769"/>
            <a:ext cx="299851" cy="341998"/>
          </a:xfrm>
          <a:prstGeom prst="rect">
            <a:avLst/>
          </a:prstGeom>
        </p:spPr>
      </p:pic>
      <p:sp>
        <p:nvSpPr>
          <p:cNvPr id="4" name="TextBox 3">
            <a:extLst>
              <a:ext uri="{FF2B5EF4-FFF2-40B4-BE49-F238E27FC236}">
                <a16:creationId xmlns:a16="http://schemas.microsoft.com/office/drawing/2014/main" id="{8D7B7E2F-EAC0-417A-9368-C3B30366EC05}"/>
              </a:ext>
            </a:extLst>
          </p:cNvPr>
          <p:cNvSpPr txBox="1">
            <a:spLocks/>
          </p:cNvSpPr>
          <p:nvPr userDrawn="1">
            <p:custDataLst>
              <p:tags r:id="rId2"/>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bg1"/>
              </a:solidFill>
            </a:endParaRPr>
          </a:p>
        </p:txBody>
      </p:sp>
      <p:sp>
        <p:nvSpPr>
          <p:cNvPr id="5" name="Grafik 8">
            <a:extLst>
              <a:ext uri="{FF2B5EF4-FFF2-40B4-BE49-F238E27FC236}">
                <a16:creationId xmlns:a16="http://schemas.microsoft.com/office/drawing/2014/main" id="{EAB8F3FE-349E-4EE5-966E-CD966546F989}"/>
              </a:ext>
            </a:extLst>
          </p:cNvPr>
          <p:cNvSpPr/>
          <p:nvPr userDrawn="1">
            <p:custDataLst>
              <p:tags r:id="rId3"/>
            </p:custDataLst>
          </p:nvPr>
        </p:nvSpPr>
        <p:spPr>
          <a:xfrm rot="16200000">
            <a:off x="11255014" y="762554"/>
            <a:ext cx="1080483" cy="193634"/>
          </a:xfrm>
          <a:custGeom>
            <a:avLst/>
            <a:gdLst>
              <a:gd name="connsiteX0" fmla="*/ 1026846 w 1080483"/>
              <a:gd name="connsiteY0" fmla="*/ 150260 h 193634"/>
              <a:gd name="connsiteX1" fmla="*/ 1039045 w 1080483"/>
              <a:gd name="connsiteY1" fmla="*/ 150260 h 193634"/>
              <a:gd name="connsiteX2" fmla="*/ 1039045 w 1080483"/>
              <a:gd name="connsiteY2" fmla="*/ 85006 h 193634"/>
              <a:gd name="connsiteX3" fmla="*/ 1042143 w 1080483"/>
              <a:gd name="connsiteY3" fmla="*/ 70870 h 193634"/>
              <a:gd name="connsiteX4" fmla="*/ 1050082 w 1080483"/>
              <a:gd name="connsiteY4" fmla="*/ 60608 h 193634"/>
              <a:gd name="connsiteX5" fmla="*/ 1060732 w 1080483"/>
              <a:gd name="connsiteY5" fmla="*/ 53830 h 193634"/>
              <a:gd name="connsiteX6" fmla="*/ 1071963 w 1080483"/>
              <a:gd name="connsiteY6" fmla="*/ 51894 h 193634"/>
              <a:gd name="connsiteX7" fmla="*/ 1078934 w 1080483"/>
              <a:gd name="connsiteY7" fmla="*/ 52475 h 193634"/>
              <a:gd name="connsiteX8" fmla="*/ 1080483 w 1080483"/>
              <a:gd name="connsiteY8" fmla="*/ 40857 h 193634"/>
              <a:gd name="connsiteX9" fmla="*/ 1076223 w 1080483"/>
              <a:gd name="connsiteY9" fmla="*/ 40276 h 193634"/>
              <a:gd name="connsiteX10" fmla="*/ 1071963 w 1080483"/>
              <a:gd name="connsiteY10" fmla="*/ 40082 h 193634"/>
              <a:gd name="connsiteX11" fmla="*/ 1054149 w 1080483"/>
              <a:gd name="connsiteY11" fmla="*/ 45117 h 193634"/>
              <a:gd name="connsiteX12" fmla="*/ 1039239 w 1080483"/>
              <a:gd name="connsiteY12" fmla="*/ 59446 h 193634"/>
              <a:gd name="connsiteX13" fmla="*/ 1039239 w 1080483"/>
              <a:gd name="connsiteY13" fmla="*/ 41825 h 193634"/>
              <a:gd name="connsiteX14" fmla="*/ 1027040 w 1080483"/>
              <a:gd name="connsiteY14" fmla="*/ 41825 h 193634"/>
              <a:gd name="connsiteX15" fmla="*/ 1027040 w 1080483"/>
              <a:gd name="connsiteY15" fmla="*/ 150260 h 193634"/>
              <a:gd name="connsiteX16" fmla="*/ 913570 w 1080483"/>
              <a:gd name="connsiteY16" fmla="*/ 88685 h 193634"/>
              <a:gd name="connsiteX17" fmla="*/ 924994 w 1080483"/>
              <a:gd name="connsiteY17" fmla="*/ 58284 h 193634"/>
              <a:gd name="connsiteX18" fmla="*/ 950167 w 1080483"/>
              <a:gd name="connsiteY18" fmla="*/ 48409 h 193634"/>
              <a:gd name="connsiteX19" fmla="*/ 965658 w 1080483"/>
              <a:gd name="connsiteY19" fmla="*/ 51313 h 193634"/>
              <a:gd name="connsiteX20" fmla="*/ 976114 w 1080483"/>
              <a:gd name="connsiteY20" fmla="*/ 59639 h 193634"/>
              <a:gd name="connsiteX21" fmla="*/ 981923 w 1080483"/>
              <a:gd name="connsiteY21" fmla="*/ 72419 h 193634"/>
              <a:gd name="connsiteX22" fmla="*/ 983859 w 1080483"/>
              <a:gd name="connsiteY22" fmla="*/ 88685 h 193634"/>
              <a:gd name="connsiteX23" fmla="*/ 913570 w 1080483"/>
              <a:gd name="connsiteY23" fmla="*/ 88685 h 193634"/>
              <a:gd name="connsiteX24" fmla="*/ 983085 w 1080483"/>
              <a:gd name="connsiteY24" fmla="*/ 121990 h 193634"/>
              <a:gd name="connsiteX25" fmla="*/ 979599 w 1080483"/>
              <a:gd name="connsiteY25" fmla="*/ 130703 h 193634"/>
              <a:gd name="connsiteX26" fmla="*/ 973597 w 1080483"/>
              <a:gd name="connsiteY26" fmla="*/ 137480 h 193634"/>
              <a:gd name="connsiteX27" fmla="*/ 964109 w 1080483"/>
              <a:gd name="connsiteY27" fmla="*/ 141934 h 193634"/>
              <a:gd name="connsiteX28" fmla="*/ 950167 w 1080483"/>
              <a:gd name="connsiteY28" fmla="*/ 143483 h 193634"/>
              <a:gd name="connsiteX29" fmla="*/ 934095 w 1080483"/>
              <a:gd name="connsiteY29" fmla="*/ 139998 h 193634"/>
              <a:gd name="connsiteX30" fmla="*/ 922477 w 1080483"/>
              <a:gd name="connsiteY30" fmla="*/ 130510 h 193634"/>
              <a:gd name="connsiteX31" fmla="*/ 915506 w 1080483"/>
              <a:gd name="connsiteY31" fmla="*/ 116374 h 193634"/>
              <a:gd name="connsiteX32" fmla="*/ 913183 w 1080483"/>
              <a:gd name="connsiteY32" fmla="*/ 98947 h 193634"/>
              <a:gd name="connsiteX33" fmla="*/ 996639 w 1080483"/>
              <a:gd name="connsiteY33" fmla="*/ 98947 h 193634"/>
              <a:gd name="connsiteX34" fmla="*/ 996639 w 1080483"/>
              <a:gd name="connsiteY34" fmla="*/ 91202 h 193634"/>
              <a:gd name="connsiteX35" fmla="*/ 994122 w 1080483"/>
              <a:gd name="connsiteY35" fmla="*/ 70289 h 193634"/>
              <a:gd name="connsiteX36" fmla="*/ 985989 w 1080483"/>
              <a:gd name="connsiteY36" fmla="*/ 53637 h 193634"/>
              <a:gd name="connsiteX37" fmla="*/ 971660 w 1080483"/>
              <a:gd name="connsiteY37" fmla="*/ 42406 h 193634"/>
              <a:gd name="connsiteX38" fmla="*/ 950167 w 1080483"/>
              <a:gd name="connsiteY38" fmla="*/ 38340 h 193634"/>
              <a:gd name="connsiteX39" fmla="*/ 930416 w 1080483"/>
              <a:gd name="connsiteY39" fmla="*/ 42212 h 193634"/>
              <a:gd name="connsiteX40" fmla="*/ 914925 w 1080483"/>
              <a:gd name="connsiteY40" fmla="*/ 53443 h 193634"/>
              <a:gd name="connsiteX41" fmla="*/ 904663 w 1080483"/>
              <a:gd name="connsiteY41" fmla="*/ 71838 h 193634"/>
              <a:gd name="connsiteX42" fmla="*/ 900983 w 1080483"/>
              <a:gd name="connsiteY42" fmla="*/ 97011 h 193634"/>
              <a:gd name="connsiteX43" fmla="*/ 913957 w 1080483"/>
              <a:gd name="connsiteY43" fmla="*/ 138449 h 193634"/>
              <a:gd name="connsiteX44" fmla="*/ 950167 w 1080483"/>
              <a:gd name="connsiteY44" fmla="*/ 153552 h 193634"/>
              <a:gd name="connsiteX45" fmla="*/ 981342 w 1080483"/>
              <a:gd name="connsiteY45" fmla="*/ 144645 h 193634"/>
              <a:gd name="connsiteX46" fmla="*/ 994896 w 1080483"/>
              <a:gd name="connsiteY46" fmla="*/ 121602 h 193634"/>
              <a:gd name="connsiteX47" fmla="*/ 983085 w 1080483"/>
              <a:gd name="connsiteY47" fmla="*/ 121602 h 193634"/>
              <a:gd name="connsiteX48" fmla="*/ 858771 w 1080483"/>
              <a:gd name="connsiteY48" fmla="*/ 95849 h 193634"/>
              <a:gd name="connsiteX49" fmla="*/ 854898 w 1080483"/>
              <a:gd name="connsiteY49" fmla="*/ 117149 h 193634"/>
              <a:gd name="connsiteX50" fmla="*/ 843668 w 1080483"/>
              <a:gd name="connsiteY50" fmla="*/ 131090 h 193634"/>
              <a:gd name="connsiteX51" fmla="*/ 833405 w 1080483"/>
              <a:gd name="connsiteY51" fmla="*/ 136319 h 193634"/>
              <a:gd name="connsiteX52" fmla="*/ 821593 w 1080483"/>
              <a:gd name="connsiteY52" fmla="*/ 137868 h 193634"/>
              <a:gd name="connsiteX53" fmla="*/ 809201 w 1080483"/>
              <a:gd name="connsiteY53" fmla="*/ 135544 h 193634"/>
              <a:gd name="connsiteX54" fmla="*/ 798163 w 1080483"/>
              <a:gd name="connsiteY54" fmla="*/ 127992 h 193634"/>
              <a:gd name="connsiteX55" fmla="*/ 790224 w 1080483"/>
              <a:gd name="connsiteY55" fmla="*/ 114438 h 193634"/>
              <a:gd name="connsiteX56" fmla="*/ 787126 w 1080483"/>
              <a:gd name="connsiteY56" fmla="*/ 93913 h 193634"/>
              <a:gd name="connsiteX57" fmla="*/ 789837 w 1080483"/>
              <a:gd name="connsiteY57" fmla="*/ 73387 h 193634"/>
              <a:gd name="connsiteX58" fmla="*/ 797389 w 1080483"/>
              <a:gd name="connsiteY58" fmla="*/ 59446 h 193634"/>
              <a:gd name="connsiteX59" fmla="*/ 808813 w 1080483"/>
              <a:gd name="connsiteY59" fmla="*/ 51507 h 193634"/>
              <a:gd name="connsiteX60" fmla="*/ 823142 w 1080483"/>
              <a:gd name="connsiteY60" fmla="*/ 48990 h 193634"/>
              <a:gd name="connsiteX61" fmla="*/ 834373 w 1080483"/>
              <a:gd name="connsiteY61" fmla="*/ 50732 h 193634"/>
              <a:gd name="connsiteX62" fmla="*/ 844442 w 1080483"/>
              <a:gd name="connsiteY62" fmla="*/ 56154 h 193634"/>
              <a:gd name="connsiteX63" fmla="*/ 851026 w 1080483"/>
              <a:gd name="connsiteY63" fmla="*/ 62157 h 193634"/>
              <a:gd name="connsiteX64" fmla="*/ 855479 w 1080483"/>
              <a:gd name="connsiteY64" fmla="*/ 69515 h 193634"/>
              <a:gd name="connsiteX65" fmla="*/ 857997 w 1080483"/>
              <a:gd name="connsiteY65" fmla="*/ 79003 h 193634"/>
              <a:gd name="connsiteX66" fmla="*/ 858771 w 1080483"/>
              <a:gd name="connsiteY66" fmla="*/ 91783 h 193634"/>
              <a:gd name="connsiteX67" fmla="*/ 858771 w 1080483"/>
              <a:gd name="connsiteY67" fmla="*/ 95849 h 193634"/>
              <a:gd name="connsiteX68" fmla="*/ 778219 w 1080483"/>
              <a:gd name="connsiteY68" fmla="*/ 162072 h 193634"/>
              <a:gd name="connsiteX69" fmla="*/ 783060 w 1080483"/>
              <a:gd name="connsiteY69" fmla="*/ 176788 h 193634"/>
              <a:gd name="connsiteX70" fmla="*/ 792935 w 1080483"/>
              <a:gd name="connsiteY70" fmla="*/ 186470 h 193634"/>
              <a:gd name="connsiteX71" fmla="*/ 806877 w 1080483"/>
              <a:gd name="connsiteY71" fmla="*/ 191892 h 193634"/>
              <a:gd name="connsiteX72" fmla="*/ 824110 w 1080483"/>
              <a:gd name="connsiteY72" fmla="*/ 193634 h 193634"/>
              <a:gd name="connsiteX73" fmla="*/ 859546 w 1080483"/>
              <a:gd name="connsiteY73" fmla="*/ 181048 h 193634"/>
              <a:gd name="connsiteX74" fmla="*/ 870776 w 1080483"/>
              <a:gd name="connsiteY74" fmla="*/ 146581 h 193634"/>
              <a:gd name="connsiteX75" fmla="*/ 870776 w 1080483"/>
              <a:gd name="connsiteY75" fmla="*/ 41825 h 193634"/>
              <a:gd name="connsiteX76" fmla="*/ 858577 w 1080483"/>
              <a:gd name="connsiteY76" fmla="*/ 41825 h 193634"/>
              <a:gd name="connsiteX77" fmla="*/ 858577 w 1080483"/>
              <a:gd name="connsiteY77" fmla="*/ 56735 h 193634"/>
              <a:gd name="connsiteX78" fmla="*/ 841538 w 1080483"/>
              <a:gd name="connsiteY78" fmla="*/ 42600 h 193634"/>
              <a:gd name="connsiteX79" fmla="*/ 823142 w 1080483"/>
              <a:gd name="connsiteY79" fmla="*/ 38727 h 193634"/>
              <a:gd name="connsiteX80" fmla="*/ 802617 w 1080483"/>
              <a:gd name="connsiteY80" fmla="*/ 42793 h 193634"/>
              <a:gd name="connsiteX81" fmla="*/ 787320 w 1080483"/>
              <a:gd name="connsiteY81" fmla="*/ 54024 h 193634"/>
              <a:gd name="connsiteX82" fmla="*/ 777638 w 1080483"/>
              <a:gd name="connsiteY82" fmla="*/ 71645 h 193634"/>
              <a:gd name="connsiteX83" fmla="*/ 774346 w 1080483"/>
              <a:gd name="connsiteY83" fmla="*/ 94687 h 193634"/>
              <a:gd name="connsiteX84" fmla="*/ 777057 w 1080483"/>
              <a:gd name="connsiteY84" fmla="*/ 115019 h 193634"/>
              <a:gd name="connsiteX85" fmla="*/ 785383 w 1080483"/>
              <a:gd name="connsiteY85" fmla="*/ 132446 h 193634"/>
              <a:gd name="connsiteX86" fmla="*/ 799906 w 1080483"/>
              <a:gd name="connsiteY86" fmla="*/ 144645 h 193634"/>
              <a:gd name="connsiteX87" fmla="*/ 820819 w 1080483"/>
              <a:gd name="connsiteY87" fmla="*/ 149098 h 193634"/>
              <a:gd name="connsiteX88" fmla="*/ 842699 w 1080483"/>
              <a:gd name="connsiteY88" fmla="*/ 143870 h 193634"/>
              <a:gd name="connsiteX89" fmla="*/ 858577 w 1080483"/>
              <a:gd name="connsiteY89" fmla="*/ 129154 h 193634"/>
              <a:gd name="connsiteX90" fmla="*/ 858577 w 1080483"/>
              <a:gd name="connsiteY90" fmla="*/ 145419 h 193634"/>
              <a:gd name="connsiteX91" fmla="*/ 850251 w 1080483"/>
              <a:gd name="connsiteY91" fmla="*/ 174852 h 193634"/>
              <a:gd name="connsiteX92" fmla="*/ 823917 w 1080483"/>
              <a:gd name="connsiteY92" fmla="*/ 183565 h 193634"/>
              <a:gd name="connsiteX93" fmla="*/ 800100 w 1080483"/>
              <a:gd name="connsiteY93" fmla="*/ 178337 h 193634"/>
              <a:gd name="connsiteX94" fmla="*/ 790031 w 1080483"/>
              <a:gd name="connsiteY94" fmla="*/ 162459 h 193634"/>
              <a:gd name="connsiteX95" fmla="*/ 778219 w 1080483"/>
              <a:gd name="connsiteY95" fmla="*/ 162459 h 193634"/>
              <a:gd name="connsiteX96" fmla="*/ 705799 w 1080483"/>
              <a:gd name="connsiteY96" fmla="*/ 150260 h 193634"/>
              <a:gd name="connsiteX97" fmla="*/ 717998 w 1080483"/>
              <a:gd name="connsiteY97" fmla="*/ 150260 h 193634"/>
              <a:gd name="connsiteX98" fmla="*/ 717998 w 1080483"/>
              <a:gd name="connsiteY98" fmla="*/ 85006 h 193634"/>
              <a:gd name="connsiteX99" fmla="*/ 721097 w 1080483"/>
              <a:gd name="connsiteY99" fmla="*/ 70870 h 193634"/>
              <a:gd name="connsiteX100" fmla="*/ 729036 w 1080483"/>
              <a:gd name="connsiteY100" fmla="*/ 60608 h 193634"/>
              <a:gd name="connsiteX101" fmla="*/ 739686 w 1080483"/>
              <a:gd name="connsiteY101" fmla="*/ 53830 h 193634"/>
              <a:gd name="connsiteX102" fmla="*/ 750916 w 1080483"/>
              <a:gd name="connsiteY102" fmla="*/ 51894 h 193634"/>
              <a:gd name="connsiteX103" fmla="*/ 757887 w 1080483"/>
              <a:gd name="connsiteY103" fmla="*/ 52475 h 193634"/>
              <a:gd name="connsiteX104" fmla="*/ 759436 w 1080483"/>
              <a:gd name="connsiteY104" fmla="*/ 40857 h 193634"/>
              <a:gd name="connsiteX105" fmla="*/ 755176 w 1080483"/>
              <a:gd name="connsiteY105" fmla="*/ 40276 h 193634"/>
              <a:gd name="connsiteX106" fmla="*/ 750916 w 1080483"/>
              <a:gd name="connsiteY106" fmla="*/ 40082 h 193634"/>
              <a:gd name="connsiteX107" fmla="*/ 733102 w 1080483"/>
              <a:gd name="connsiteY107" fmla="*/ 45117 h 193634"/>
              <a:gd name="connsiteX108" fmla="*/ 718192 w 1080483"/>
              <a:gd name="connsiteY108" fmla="*/ 59446 h 193634"/>
              <a:gd name="connsiteX109" fmla="*/ 718192 w 1080483"/>
              <a:gd name="connsiteY109" fmla="*/ 41825 h 193634"/>
              <a:gd name="connsiteX110" fmla="*/ 705993 w 1080483"/>
              <a:gd name="connsiteY110" fmla="*/ 41825 h 193634"/>
              <a:gd name="connsiteX111" fmla="*/ 705993 w 1080483"/>
              <a:gd name="connsiteY111" fmla="*/ 150260 h 193634"/>
              <a:gd name="connsiteX112" fmla="*/ 585358 w 1080483"/>
              <a:gd name="connsiteY112" fmla="*/ 114051 h 193634"/>
              <a:gd name="connsiteX113" fmla="*/ 593298 w 1080483"/>
              <a:gd name="connsiteY113" fmla="*/ 143483 h 193634"/>
              <a:gd name="connsiteX114" fmla="*/ 619826 w 1080483"/>
              <a:gd name="connsiteY114" fmla="*/ 153552 h 193634"/>
              <a:gd name="connsiteX115" fmla="*/ 659133 w 1080483"/>
              <a:gd name="connsiteY115" fmla="*/ 132446 h 193634"/>
              <a:gd name="connsiteX116" fmla="*/ 659133 w 1080483"/>
              <a:gd name="connsiteY116" fmla="*/ 150067 h 193634"/>
              <a:gd name="connsiteX117" fmla="*/ 671332 w 1080483"/>
              <a:gd name="connsiteY117" fmla="*/ 150067 h 193634"/>
              <a:gd name="connsiteX118" fmla="*/ 671332 w 1080483"/>
              <a:gd name="connsiteY118" fmla="*/ 41631 h 193634"/>
              <a:gd name="connsiteX119" fmla="*/ 659133 w 1080483"/>
              <a:gd name="connsiteY119" fmla="*/ 41631 h 193634"/>
              <a:gd name="connsiteX120" fmla="*/ 659133 w 1080483"/>
              <a:gd name="connsiteY120" fmla="*/ 105143 h 193634"/>
              <a:gd name="connsiteX121" fmla="*/ 656035 w 1080483"/>
              <a:gd name="connsiteY121" fmla="*/ 121021 h 193634"/>
              <a:gd name="connsiteX122" fmla="*/ 646741 w 1080483"/>
              <a:gd name="connsiteY122" fmla="*/ 132252 h 193634"/>
              <a:gd name="connsiteX123" fmla="*/ 634348 w 1080483"/>
              <a:gd name="connsiteY123" fmla="*/ 139804 h 193634"/>
              <a:gd name="connsiteX124" fmla="*/ 621375 w 1080483"/>
              <a:gd name="connsiteY124" fmla="*/ 142321 h 193634"/>
              <a:gd name="connsiteX125" fmla="*/ 602979 w 1080483"/>
              <a:gd name="connsiteY125" fmla="*/ 134770 h 193634"/>
              <a:gd name="connsiteX126" fmla="*/ 597558 w 1080483"/>
              <a:gd name="connsiteY126" fmla="*/ 110178 h 193634"/>
              <a:gd name="connsiteX127" fmla="*/ 597558 w 1080483"/>
              <a:gd name="connsiteY127" fmla="*/ 41825 h 193634"/>
              <a:gd name="connsiteX128" fmla="*/ 585358 w 1080483"/>
              <a:gd name="connsiteY128" fmla="*/ 41825 h 193634"/>
              <a:gd name="connsiteX129" fmla="*/ 585358 w 1080483"/>
              <a:gd name="connsiteY129" fmla="*/ 114051 h 193634"/>
              <a:gd name="connsiteX130" fmla="*/ 470920 w 1080483"/>
              <a:gd name="connsiteY130" fmla="*/ 91008 h 193634"/>
              <a:gd name="connsiteX131" fmla="*/ 474987 w 1080483"/>
              <a:gd name="connsiteY131" fmla="*/ 69902 h 193634"/>
              <a:gd name="connsiteX132" fmla="*/ 486411 w 1080483"/>
              <a:gd name="connsiteY132" fmla="*/ 56154 h 193634"/>
              <a:gd name="connsiteX133" fmla="*/ 496867 w 1080483"/>
              <a:gd name="connsiteY133" fmla="*/ 50732 h 193634"/>
              <a:gd name="connsiteX134" fmla="*/ 508679 w 1080483"/>
              <a:gd name="connsiteY134" fmla="*/ 49183 h 193634"/>
              <a:gd name="connsiteX135" fmla="*/ 520684 w 1080483"/>
              <a:gd name="connsiteY135" fmla="*/ 51313 h 193634"/>
              <a:gd name="connsiteX136" fmla="*/ 531722 w 1080483"/>
              <a:gd name="connsiteY136" fmla="*/ 58865 h 193634"/>
              <a:gd name="connsiteX137" fmla="*/ 539661 w 1080483"/>
              <a:gd name="connsiteY137" fmla="*/ 73000 h 193634"/>
              <a:gd name="connsiteX138" fmla="*/ 542759 w 1080483"/>
              <a:gd name="connsiteY138" fmla="*/ 95074 h 193634"/>
              <a:gd name="connsiteX139" fmla="*/ 540048 w 1080483"/>
              <a:gd name="connsiteY139" fmla="*/ 117342 h 193634"/>
              <a:gd name="connsiteX140" fmla="*/ 532496 w 1080483"/>
              <a:gd name="connsiteY140" fmla="*/ 132252 h 193634"/>
              <a:gd name="connsiteX141" fmla="*/ 521265 w 1080483"/>
              <a:gd name="connsiteY141" fmla="*/ 140579 h 193634"/>
              <a:gd name="connsiteX142" fmla="*/ 506936 w 1080483"/>
              <a:gd name="connsiteY142" fmla="*/ 143289 h 193634"/>
              <a:gd name="connsiteX143" fmla="*/ 495318 w 1080483"/>
              <a:gd name="connsiteY143" fmla="*/ 141547 h 193634"/>
              <a:gd name="connsiteX144" fmla="*/ 485443 w 1080483"/>
              <a:gd name="connsiteY144" fmla="*/ 136125 h 193634"/>
              <a:gd name="connsiteX145" fmla="*/ 478666 w 1080483"/>
              <a:gd name="connsiteY145" fmla="*/ 130122 h 193634"/>
              <a:gd name="connsiteX146" fmla="*/ 474212 w 1080483"/>
              <a:gd name="connsiteY146" fmla="*/ 122571 h 193634"/>
              <a:gd name="connsiteX147" fmla="*/ 471695 w 1080483"/>
              <a:gd name="connsiteY147" fmla="*/ 113082 h 193634"/>
              <a:gd name="connsiteX148" fmla="*/ 470920 w 1080483"/>
              <a:gd name="connsiteY148" fmla="*/ 100496 h 193634"/>
              <a:gd name="connsiteX149" fmla="*/ 470920 w 1080483"/>
              <a:gd name="connsiteY149" fmla="*/ 91008 h 193634"/>
              <a:gd name="connsiteX150" fmla="*/ 459109 w 1080483"/>
              <a:gd name="connsiteY150" fmla="*/ 150260 h 193634"/>
              <a:gd name="connsiteX151" fmla="*/ 471307 w 1080483"/>
              <a:gd name="connsiteY151" fmla="*/ 150260 h 193634"/>
              <a:gd name="connsiteX152" fmla="*/ 471307 w 1080483"/>
              <a:gd name="connsiteY152" fmla="*/ 135544 h 193634"/>
              <a:gd name="connsiteX153" fmla="*/ 487960 w 1080483"/>
              <a:gd name="connsiteY153" fmla="*/ 149679 h 193634"/>
              <a:gd name="connsiteX154" fmla="*/ 506936 w 1080483"/>
              <a:gd name="connsiteY154" fmla="*/ 153746 h 193634"/>
              <a:gd name="connsiteX155" fmla="*/ 527074 w 1080483"/>
              <a:gd name="connsiteY155" fmla="*/ 149679 h 193634"/>
              <a:gd name="connsiteX156" fmla="*/ 542372 w 1080483"/>
              <a:gd name="connsiteY156" fmla="*/ 138061 h 193634"/>
              <a:gd name="connsiteX157" fmla="*/ 552247 w 1080483"/>
              <a:gd name="connsiteY157" fmla="*/ 119666 h 193634"/>
              <a:gd name="connsiteX158" fmla="*/ 555732 w 1080483"/>
              <a:gd name="connsiteY158" fmla="*/ 94881 h 193634"/>
              <a:gd name="connsiteX159" fmla="*/ 552828 w 1080483"/>
              <a:gd name="connsiteY159" fmla="*/ 72613 h 193634"/>
              <a:gd name="connsiteX160" fmla="*/ 544114 w 1080483"/>
              <a:gd name="connsiteY160" fmla="*/ 54799 h 193634"/>
              <a:gd name="connsiteX161" fmla="*/ 529398 w 1080483"/>
              <a:gd name="connsiteY161" fmla="*/ 42987 h 193634"/>
              <a:gd name="connsiteX162" fmla="*/ 508679 w 1080483"/>
              <a:gd name="connsiteY162" fmla="*/ 38727 h 193634"/>
              <a:gd name="connsiteX163" fmla="*/ 487186 w 1080483"/>
              <a:gd name="connsiteY163" fmla="*/ 43955 h 193634"/>
              <a:gd name="connsiteX164" fmla="*/ 470920 w 1080483"/>
              <a:gd name="connsiteY164" fmla="*/ 58284 h 193634"/>
              <a:gd name="connsiteX165" fmla="*/ 470920 w 1080483"/>
              <a:gd name="connsiteY165" fmla="*/ 194 h 193634"/>
              <a:gd name="connsiteX166" fmla="*/ 458721 w 1080483"/>
              <a:gd name="connsiteY166" fmla="*/ 194 h 193634"/>
              <a:gd name="connsiteX167" fmla="*/ 458721 w 1080483"/>
              <a:gd name="connsiteY167" fmla="*/ 150260 h 193634"/>
              <a:gd name="connsiteX168" fmla="*/ 274768 w 1080483"/>
              <a:gd name="connsiteY168" fmla="*/ 150260 h 193634"/>
              <a:gd name="connsiteX169" fmla="*/ 286967 w 1080483"/>
              <a:gd name="connsiteY169" fmla="*/ 150260 h 193634"/>
              <a:gd name="connsiteX170" fmla="*/ 286967 w 1080483"/>
              <a:gd name="connsiteY170" fmla="*/ 86167 h 193634"/>
              <a:gd name="connsiteX171" fmla="*/ 288129 w 1080483"/>
              <a:gd name="connsiteY171" fmla="*/ 76486 h 193634"/>
              <a:gd name="connsiteX172" fmla="*/ 291033 w 1080483"/>
              <a:gd name="connsiteY172" fmla="*/ 69127 h 193634"/>
              <a:gd name="connsiteX173" fmla="*/ 294906 w 1080483"/>
              <a:gd name="connsiteY173" fmla="*/ 63706 h 193634"/>
              <a:gd name="connsiteX174" fmla="*/ 298972 w 1080483"/>
              <a:gd name="connsiteY174" fmla="*/ 59639 h 193634"/>
              <a:gd name="connsiteX175" fmla="*/ 310010 w 1080483"/>
              <a:gd name="connsiteY175" fmla="*/ 52088 h 193634"/>
              <a:gd name="connsiteX176" fmla="*/ 321821 w 1080483"/>
              <a:gd name="connsiteY176" fmla="*/ 49377 h 193634"/>
              <a:gd name="connsiteX177" fmla="*/ 338474 w 1080483"/>
              <a:gd name="connsiteY177" fmla="*/ 55960 h 193634"/>
              <a:gd name="connsiteX178" fmla="*/ 343896 w 1080483"/>
              <a:gd name="connsiteY178" fmla="*/ 78422 h 193634"/>
              <a:gd name="connsiteX179" fmla="*/ 343896 w 1080483"/>
              <a:gd name="connsiteY179" fmla="*/ 150260 h 193634"/>
              <a:gd name="connsiteX180" fmla="*/ 356095 w 1080483"/>
              <a:gd name="connsiteY180" fmla="*/ 150260 h 193634"/>
              <a:gd name="connsiteX181" fmla="*/ 356095 w 1080483"/>
              <a:gd name="connsiteY181" fmla="*/ 80939 h 193634"/>
              <a:gd name="connsiteX182" fmla="*/ 359387 w 1080483"/>
              <a:gd name="connsiteY182" fmla="*/ 67578 h 193634"/>
              <a:gd name="connsiteX183" fmla="*/ 367713 w 1080483"/>
              <a:gd name="connsiteY183" fmla="*/ 57897 h 193634"/>
              <a:gd name="connsiteX184" fmla="*/ 379525 w 1080483"/>
              <a:gd name="connsiteY184" fmla="*/ 51313 h 193634"/>
              <a:gd name="connsiteX185" fmla="*/ 390562 w 1080483"/>
              <a:gd name="connsiteY185" fmla="*/ 49570 h 193634"/>
              <a:gd name="connsiteX186" fmla="*/ 400437 w 1080483"/>
              <a:gd name="connsiteY186" fmla="*/ 50926 h 193634"/>
              <a:gd name="connsiteX187" fmla="*/ 407408 w 1080483"/>
              <a:gd name="connsiteY187" fmla="*/ 55573 h 193634"/>
              <a:gd name="connsiteX188" fmla="*/ 411668 w 1080483"/>
              <a:gd name="connsiteY188" fmla="*/ 64480 h 193634"/>
              <a:gd name="connsiteX189" fmla="*/ 413023 w 1080483"/>
              <a:gd name="connsiteY189" fmla="*/ 78422 h 193634"/>
              <a:gd name="connsiteX190" fmla="*/ 413023 w 1080483"/>
              <a:gd name="connsiteY190" fmla="*/ 150454 h 193634"/>
              <a:gd name="connsiteX191" fmla="*/ 425222 w 1080483"/>
              <a:gd name="connsiteY191" fmla="*/ 150454 h 193634"/>
              <a:gd name="connsiteX192" fmla="*/ 425222 w 1080483"/>
              <a:gd name="connsiteY192" fmla="*/ 73968 h 193634"/>
              <a:gd name="connsiteX193" fmla="*/ 416315 w 1080483"/>
              <a:gd name="connsiteY193" fmla="*/ 47053 h 193634"/>
              <a:gd name="connsiteX194" fmla="*/ 391917 w 1080483"/>
              <a:gd name="connsiteY194" fmla="*/ 38533 h 193634"/>
              <a:gd name="connsiteX195" fmla="*/ 370617 w 1080483"/>
              <a:gd name="connsiteY195" fmla="*/ 44149 h 193634"/>
              <a:gd name="connsiteX196" fmla="*/ 353384 w 1080483"/>
              <a:gd name="connsiteY196" fmla="*/ 59833 h 193634"/>
              <a:gd name="connsiteX197" fmla="*/ 342347 w 1080483"/>
              <a:gd name="connsiteY197" fmla="*/ 44149 h 193634"/>
              <a:gd name="connsiteX198" fmla="*/ 322402 w 1080483"/>
              <a:gd name="connsiteY198" fmla="*/ 38533 h 193634"/>
              <a:gd name="connsiteX199" fmla="*/ 303813 w 1080483"/>
              <a:gd name="connsiteY199" fmla="*/ 43761 h 193634"/>
              <a:gd name="connsiteX200" fmla="*/ 286580 w 1080483"/>
              <a:gd name="connsiteY200" fmla="*/ 59833 h 193634"/>
              <a:gd name="connsiteX201" fmla="*/ 286580 w 1080483"/>
              <a:gd name="connsiteY201" fmla="*/ 42019 h 193634"/>
              <a:gd name="connsiteX202" fmla="*/ 274381 w 1080483"/>
              <a:gd name="connsiteY202" fmla="*/ 42019 h 193634"/>
              <a:gd name="connsiteX203" fmla="*/ 274381 w 1080483"/>
              <a:gd name="connsiteY203" fmla="*/ 150260 h 193634"/>
              <a:gd name="connsiteX204" fmla="*/ 214935 w 1080483"/>
              <a:gd name="connsiteY204" fmla="*/ 149679 h 193634"/>
              <a:gd name="connsiteX205" fmla="*/ 231200 w 1080483"/>
              <a:gd name="connsiteY205" fmla="*/ 137868 h 193634"/>
              <a:gd name="connsiteX206" fmla="*/ 241463 w 1080483"/>
              <a:gd name="connsiteY206" fmla="*/ 119472 h 193634"/>
              <a:gd name="connsiteX207" fmla="*/ 245142 w 1080483"/>
              <a:gd name="connsiteY207" fmla="*/ 95462 h 193634"/>
              <a:gd name="connsiteX208" fmla="*/ 241656 w 1080483"/>
              <a:gd name="connsiteY208" fmla="*/ 72032 h 193634"/>
              <a:gd name="connsiteX209" fmla="*/ 231587 w 1080483"/>
              <a:gd name="connsiteY209" fmla="*/ 54024 h 193634"/>
              <a:gd name="connsiteX210" fmla="*/ 215516 w 1080483"/>
              <a:gd name="connsiteY210" fmla="*/ 42600 h 193634"/>
              <a:gd name="connsiteX211" fmla="*/ 194216 w 1080483"/>
              <a:gd name="connsiteY211" fmla="*/ 38533 h 193634"/>
              <a:gd name="connsiteX212" fmla="*/ 172916 w 1080483"/>
              <a:gd name="connsiteY212" fmla="*/ 42600 h 193634"/>
              <a:gd name="connsiteX213" fmla="*/ 156844 w 1080483"/>
              <a:gd name="connsiteY213" fmla="*/ 54218 h 193634"/>
              <a:gd name="connsiteX214" fmla="*/ 146582 w 1080483"/>
              <a:gd name="connsiteY214" fmla="*/ 72613 h 193634"/>
              <a:gd name="connsiteX215" fmla="*/ 142903 w 1080483"/>
              <a:gd name="connsiteY215" fmla="*/ 96624 h 193634"/>
              <a:gd name="connsiteX216" fmla="*/ 146388 w 1080483"/>
              <a:gd name="connsiteY216" fmla="*/ 120247 h 193634"/>
              <a:gd name="connsiteX217" fmla="*/ 156263 w 1080483"/>
              <a:gd name="connsiteY217" fmla="*/ 138255 h 193634"/>
              <a:gd name="connsiteX218" fmla="*/ 171948 w 1080483"/>
              <a:gd name="connsiteY218" fmla="*/ 149679 h 193634"/>
              <a:gd name="connsiteX219" fmla="*/ 193248 w 1080483"/>
              <a:gd name="connsiteY219" fmla="*/ 153746 h 193634"/>
              <a:gd name="connsiteX220" fmla="*/ 214935 w 1080483"/>
              <a:gd name="connsiteY220" fmla="*/ 149679 h 193634"/>
              <a:gd name="connsiteX221" fmla="*/ 176401 w 1080483"/>
              <a:gd name="connsiteY221" fmla="*/ 139417 h 193634"/>
              <a:gd name="connsiteX222" fmla="*/ 164590 w 1080483"/>
              <a:gd name="connsiteY222" fmla="*/ 129348 h 193634"/>
              <a:gd name="connsiteX223" fmla="*/ 158006 w 1080483"/>
              <a:gd name="connsiteY223" fmla="*/ 114438 h 193634"/>
              <a:gd name="connsiteX224" fmla="*/ 155876 w 1080483"/>
              <a:gd name="connsiteY224" fmla="*/ 95849 h 193634"/>
              <a:gd name="connsiteX225" fmla="*/ 158006 w 1080483"/>
              <a:gd name="connsiteY225" fmla="*/ 77454 h 193634"/>
              <a:gd name="connsiteX226" fmla="*/ 164590 w 1080483"/>
              <a:gd name="connsiteY226" fmla="*/ 62544 h 193634"/>
              <a:gd name="connsiteX227" fmla="*/ 176401 w 1080483"/>
              <a:gd name="connsiteY227" fmla="*/ 52475 h 193634"/>
              <a:gd name="connsiteX228" fmla="*/ 193829 w 1080483"/>
              <a:gd name="connsiteY228" fmla="*/ 48796 h 193634"/>
              <a:gd name="connsiteX229" fmla="*/ 211256 w 1080483"/>
              <a:gd name="connsiteY229" fmla="*/ 52475 h 193634"/>
              <a:gd name="connsiteX230" fmla="*/ 223067 w 1080483"/>
              <a:gd name="connsiteY230" fmla="*/ 62544 h 193634"/>
              <a:gd name="connsiteX231" fmla="*/ 229845 w 1080483"/>
              <a:gd name="connsiteY231" fmla="*/ 77454 h 193634"/>
              <a:gd name="connsiteX232" fmla="*/ 231975 w 1080483"/>
              <a:gd name="connsiteY232" fmla="*/ 95655 h 193634"/>
              <a:gd name="connsiteX233" fmla="*/ 229845 w 1080483"/>
              <a:gd name="connsiteY233" fmla="*/ 114438 h 193634"/>
              <a:gd name="connsiteX234" fmla="*/ 223067 w 1080483"/>
              <a:gd name="connsiteY234" fmla="*/ 129348 h 193634"/>
              <a:gd name="connsiteX235" fmla="*/ 211256 w 1080483"/>
              <a:gd name="connsiteY235" fmla="*/ 139417 h 193634"/>
              <a:gd name="connsiteX236" fmla="*/ 193829 w 1080483"/>
              <a:gd name="connsiteY236" fmla="*/ 143096 h 193634"/>
              <a:gd name="connsiteX237" fmla="*/ 176401 w 1080483"/>
              <a:gd name="connsiteY237" fmla="*/ 139417 h 193634"/>
              <a:gd name="connsiteX238" fmla="*/ 0 w 1080483"/>
              <a:gd name="connsiteY238" fmla="*/ 150260 h 193634"/>
              <a:gd name="connsiteX239" fmla="*/ 12780 w 1080483"/>
              <a:gd name="connsiteY239" fmla="*/ 150260 h 193634"/>
              <a:gd name="connsiteX240" fmla="*/ 12780 w 1080483"/>
              <a:gd name="connsiteY240" fmla="*/ 78616 h 193634"/>
              <a:gd name="connsiteX241" fmla="*/ 97592 w 1080483"/>
              <a:gd name="connsiteY241" fmla="*/ 78616 h 193634"/>
              <a:gd name="connsiteX242" fmla="*/ 97592 w 1080483"/>
              <a:gd name="connsiteY242" fmla="*/ 150454 h 193634"/>
              <a:gd name="connsiteX243" fmla="*/ 110372 w 1080483"/>
              <a:gd name="connsiteY243" fmla="*/ 150454 h 193634"/>
              <a:gd name="connsiteX244" fmla="*/ 110372 w 1080483"/>
              <a:gd name="connsiteY244" fmla="*/ 0 h 193634"/>
              <a:gd name="connsiteX245" fmla="*/ 97592 w 1080483"/>
              <a:gd name="connsiteY245" fmla="*/ 0 h 193634"/>
              <a:gd name="connsiteX246" fmla="*/ 97592 w 1080483"/>
              <a:gd name="connsiteY246" fmla="*/ 66610 h 193634"/>
              <a:gd name="connsiteX247" fmla="*/ 12780 w 1080483"/>
              <a:gd name="connsiteY247" fmla="*/ 66610 h 193634"/>
              <a:gd name="connsiteX248" fmla="*/ 12780 w 1080483"/>
              <a:gd name="connsiteY248" fmla="*/ 0 h 193634"/>
              <a:gd name="connsiteX249" fmla="*/ 0 w 1080483"/>
              <a:gd name="connsiteY249" fmla="*/ 0 h 193634"/>
              <a:gd name="connsiteX250" fmla="*/ 0 w 1080483"/>
              <a:gd name="connsiteY250" fmla="*/ 150260 h 193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1080483" h="193634">
                <a:moveTo>
                  <a:pt x="1026846" y="150260"/>
                </a:moveTo>
                <a:lnTo>
                  <a:pt x="1039045" y="150260"/>
                </a:lnTo>
                <a:lnTo>
                  <a:pt x="1039045" y="85006"/>
                </a:lnTo>
                <a:cubicBezTo>
                  <a:pt x="1039045" y="79584"/>
                  <a:pt x="1040013" y="74743"/>
                  <a:pt x="1042143" y="70870"/>
                </a:cubicBezTo>
                <a:cubicBezTo>
                  <a:pt x="1044273" y="66804"/>
                  <a:pt x="1046984" y="63512"/>
                  <a:pt x="1050082" y="60608"/>
                </a:cubicBezTo>
                <a:cubicBezTo>
                  <a:pt x="1053374" y="57316"/>
                  <a:pt x="1057053" y="55186"/>
                  <a:pt x="1060732" y="53830"/>
                </a:cubicBezTo>
                <a:cubicBezTo>
                  <a:pt x="1064605" y="52475"/>
                  <a:pt x="1068284" y="51894"/>
                  <a:pt x="1071963" y="51894"/>
                </a:cubicBezTo>
                <a:cubicBezTo>
                  <a:pt x="1074093" y="51894"/>
                  <a:pt x="1076417" y="52088"/>
                  <a:pt x="1078934" y="52475"/>
                </a:cubicBezTo>
                <a:lnTo>
                  <a:pt x="1080483" y="40857"/>
                </a:lnTo>
                <a:cubicBezTo>
                  <a:pt x="1078934" y="40663"/>
                  <a:pt x="1077579" y="40470"/>
                  <a:pt x="1076223" y="40276"/>
                </a:cubicBezTo>
                <a:cubicBezTo>
                  <a:pt x="1074868" y="40276"/>
                  <a:pt x="1073512" y="40082"/>
                  <a:pt x="1071963" y="40082"/>
                </a:cubicBezTo>
                <a:cubicBezTo>
                  <a:pt x="1065573" y="40082"/>
                  <a:pt x="1059764" y="41825"/>
                  <a:pt x="1054149" y="45117"/>
                </a:cubicBezTo>
                <a:cubicBezTo>
                  <a:pt x="1048533" y="48409"/>
                  <a:pt x="1043499" y="53249"/>
                  <a:pt x="1039239" y="59446"/>
                </a:cubicBezTo>
                <a:lnTo>
                  <a:pt x="1039239" y="41825"/>
                </a:lnTo>
                <a:lnTo>
                  <a:pt x="1027040" y="41825"/>
                </a:lnTo>
                <a:lnTo>
                  <a:pt x="1027040" y="150260"/>
                </a:lnTo>
                <a:close/>
                <a:moveTo>
                  <a:pt x="913570" y="88685"/>
                </a:moveTo>
                <a:cubicBezTo>
                  <a:pt x="914925" y="75130"/>
                  <a:pt x="918604" y="65061"/>
                  <a:pt x="924994" y="58284"/>
                </a:cubicBezTo>
                <a:cubicBezTo>
                  <a:pt x="931384" y="51700"/>
                  <a:pt x="939710" y="48409"/>
                  <a:pt x="950167" y="48409"/>
                </a:cubicBezTo>
                <a:cubicBezTo>
                  <a:pt x="956169" y="48409"/>
                  <a:pt x="961398" y="49377"/>
                  <a:pt x="965658" y="51313"/>
                </a:cubicBezTo>
                <a:cubicBezTo>
                  <a:pt x="969918" y="53249"/>
                  <a:pt x="973597" y="55960"/>
                  <a:pt x="976114" y="59639"/>
                </a:cubicBezTo>
                <a:cubicBezTo>
                  <a:pt x="978825" y="63318"/>
                  <a:pt x="980761" y="67385"/>
                  <a:pt x="981923" y="72419"/>
                </a:cubicBezTo>
                <a:cubicBezTo>
                  <a:pt x="983278" y="77260"/>
                  <a:pt x="983859" y="82682"/>
                  <a:pt x="983859" y="88685"/>
                </a:cubicBezTo>
                <a:lnTo>
                  <a:pt x="913570" y="88685"/>
                </a:lnTo>
                <a:close/>
                <a:moveTo>
                  <a:pt x="983085" y="121990"/>
                </a:moveTo>
                <a:cubicBezTo>
                  <a:pt x="982310" y="125281"/>
                  <a:pt x="981148" y="128186"/>
                  <a:pt x="979599" y="130703"/>
                </a:cubicBezTo>
                <a:cubicBezTo>
                  <a:pt x="978050" y="133220"/>
                  <a:pt x="976114" y="135544"/>
                  <a:pt x="973597" y="137480"/>
                </a:cubicBezTo>
                <a:cubicBezTo>
                  <a:pt x="971079" y="139417"/>
                  <a:pt x="967981" y="140966"/>
                  <a:pt x="964109" y="141934"/>
                </a:cubicBezTo>
                <a:cubicBezTo>
                  <a:pt x="960236" y="142902"/>
                  <a:pt x="955589" y="143483"/>
                  <a:pt x="950167" y="143483"/>
                </a:cubicBezTo>
                <a:cubicBezTo>
                  <a:pt x="944164" y="143483"/>
                  <a:pt x="938742" y="142321"/>
                  <a:pt x="934095" y="139998"/>
                </a:cubicBezTo>
                <a:cubicBezTo>
                  <a:pt x="929448" y="137674"/>
                  <a:pt x="925575" y="134576"/>
                  <a:pt x="922477" y="130510"/>
                </a:cubicBezTo>
                <a:cubicBezTo>
                  <a:pt x="919379" y="126443"/>
                  <a:pt x="917055" y="121796"/>
                  <a:pt x="915506" y="116374"/>
                </a:cubicBezTo>
                <a:cubicBezTo>
                  <a:pt x="913957" y="110953"/>
                  <a:pt x="913183" y="105143"/>
                  <a:pt x="913183" y="98947"/>
                </a:cubicBezTo>
                <a:lnTo>
                  <a:pt x="996639" y="98947"/>
                </a:lnTo>
                <a:lnTo>
                  <a:pt x="996639" y="91202"/>
                </a:lnTo>
                <a:cubicBezTo>
                  <a:pt x="996639" y="83844"/>
                  <a:pt x="995865" y="76873"/>
                  <a:pt x="994122" y="70289"/>
                </a:cubicBezTo>
                <a:cubicBezTo>
                  <a:pt x="992379" y="63899"/>
                  <a:pt x="989668" y="58284"/>
                  <a:pt x="985989" y="53637"/>
                </a:cubicBezTo>
                <a:cubicBezTo>
                  <a:pt x="982310" y="48990"/>
                  <a:pt x="977469" y="45310"/>
                  <a:pt x="971660" y="42406"/>
                </a:cubicBezTo>
                <a:cubicBezTo>
                  <a:pt x="965851" y="39695"/>
                  <a:pt x="958687" y="38340"/>
                  <a:pt x="950167" y="38340"/>
                </a:cubicBezTo>
                <a:cubicBezTo>
                  <a:pt x="943002" y="38340"/>
                  <a:pt x="936419" y="39695"/>
                  <a:pt x="930416" y="42212"/>
                </a:cubicBezTo>
                <a:cubicBezTo>
                  <a:pt x="924413" y="44730"/>
                  <a:pt x="919185" y="48409"/>
                  <a:pt x="914925" y="53443"/>
                </a:cubicBezTo>
                <a:cubicBezTo>
                  <a:pt x="910472" y="58478"/>
                  <a:pt x="906986" y="64480"/>
                  <a:pt x="904663" y="71838"/>
                </a:cubicBezTo>
                <a:cubicBezTo>
                  <a:pt x="902145" y="79196"/>
                  <a:pt x="900983" y="87523"/>
                  <a:pt x="900983" y="97011"/>
                </a:cubicBezTo>
                <a:cubicBezTo>
                  <a:pt x="900983" y="114632"/>
                  <a:pt x="905243" y="128380"/>
                  <a:pt x="913957" y="138449"/>
                </a:cubicBezTo>
                <a:cubicBezTo>
                  <a:pt x="922671" y="148518"/>
                  <a:pt x="934676" y="153552"/>
                  <a:pt x="950167" y="153552"/>
                </a:cubicBezTo>
                <a:cubicBezTo>
                  <a:pt x="963721" y="153552"/>
                  <a:pt x="973984" y="150648"/>
                  <a:pt x="981342" y="144645"/>
                </a:cubicBezTo>
                <a:cubicBezTo>
                  <a:pt x="988700" y="138836"/>
                  <a:pt x="993154" y="131090"/>
                  <a:pt x="994896" y="121602"/>
                </a:cubicBezTo>
                <a:lnTo>
                  <a:pt x="983085" y="121602"/>
                </a:lnTo>
                <a:close/>
                <a:moveTo>
                  <a:pt x="858771" y="95849"/>
                </a:moveTo>
                <a:cubicBezTo>
                  <a:pt x="858771" y="104369"/>
                  <a:pt x="857416" y="111533"/>
                  <a:pt x="854898" y="117149"/>
                </a:cubicBezTo>
                <a:cubicBezTo>
                  <a:pt x="852381" y="122764"/>
                  <a:pt x="848508" y="127411"/>
                  <a:pt x="843668" y="131090"/>
                </a:cubicBezTo>
                <a:cubicBezTo>
                  <a:pt x="839988" y="133608"/>
                  <a:pt x="836503" y="135350"/>
                  <a:pt x="833405" y="136319"/>
                </a:cubicBezTo>
                <a:cubicBezTo>
                  <a:pt x="830113" y="137287"/>
                  <a:pt x="826240" y="137868"/>
                  <a:pt x="821593" y="137868"/>
                </a:cubicBezTo>
                <a:cubicBezTo>
                  <a:pt x="817333" y="137868"/>
                  <a:pt x="813267" y="137093"/>
                  <a:pt x="809201" y="135544"/>
                </a:cubicBezTo>
                <a:cubicBezTo>
                  <a:pt x="805134" y="133995"/>
                  <a:pt x="801455" y="131478"/>
                  <a:pt x="798163" y="127992"/>
                </a:cubicBezTo>
                <a:cubicBezTo>
                  <a:pt x="794872" y="124507"/>
                  <a:pt x="792354" y="120053"/>
                  <a:pt x="790224" y="114438"/>
                </a:cubicBezTo>
                <a:cubicBezTo>
                  <a:pt x="788094" y="108823"/>
                  <a:pt x="787126" y="102045"/>
                  <a:pt x="787126" y="93913"/>
                </a:cubicBezTo>
                <a:cubicBezTo>
                  <a:pt x="787126" y="85974"/>
                  <a:pt x="788094" y="79003"/>
                  <a:pt x="789837" y="73387"/>
                </a:cubicBezTo>
                <a:cubicBezTo>
                  <a:pt x="791580" y="67772"/>
                  <a:pt x="794097" y="63125"/>
                  <a:pt x="797389" y="59446"/>
                </a:cubicBezTo>
                <a:cubicBezTo>
                  <a:pt x="800681" y="55767"/>
                  <a:pt x="804360" y="53056"/>
                  <a:pt x="808813" y="51507"/>
                </a:cubicBezTo>
                <a:cubicBezTo>
                  <a:pt x="813073" y="49764"/>
                  <a:pt x="817914" y="48990"/>
                  <a:pt x="823142" y="48990"/>
                </a:cubicBezTo>
                <a:cubicBezTo>
                  <a:pt x="827402" y="48990"/>
                  <a:pt x="831081" y="49570"/>
                  <a:pt x="834373" y="50732"/>
                </a:cubicBezTo>
                <a:cubicBezTo>
                  <a:pt x="837665" y="51894"/>
                  <a:pt x="840957" y="53637"/>
                  <a:pt x="844442" y="56154"/>
                </a:cubicBezTo>
                <a:cubicBezTo>
                  <a:pt x="846959" y="58090"/>
                  <a:pt x="849089" y="60220"/>
                  <a:pt x="851026" y="62157"/>
                </a:cubicBezTo>
                <a:cubicBezTo>
                  <a:pt x="852768" y="64287"/>
                  <a:pt x="854317" y="66610"/>
                  <a:pt x="855479" y="69515"/>
                </a:cubicBezTo>
                <a:cubicBezTo>
                  <a:pt x="856641" y="72226"/>
                  <a:pt x="857416" y="75324"/>
                  <a:pt x="857997" y="79003"/>
                </a:cubicBezTo>
                <a:cubicBezTo>
                  <a:pt x="858577" y="82682"/>
                  <a:pt x="858771" y="86748"/>
                  <a:pt x="858771" y="91783"/>
                </a:cubicBezTo>
                <a:lnTo>
                  <a:pt x="858771" y="95849"/>
                </a:lnTo>
                <a:close/>
                <a:moveTo>
                  <a:pt x="778219" y="162072"/>
                </a:moveTo>
                <a:cubicBezTo>
                  <a:pt x="778993" y="167881"/>
                  <a:pt x="780543" y="172722"/>
                  <a:pt x="783060" y="176788"/>
                </a:cubicBezTo>
                <a:cubicBezTo>
                  <a:pt x="785577" y="180855"/>
                  <a:pt x="788869" y="183953"/>
                  <a:pt x="792935" y="186470"/>
                </a:cubicBezTo>
                <a:cubicBezTo>
                  <a:pt x="797002" y="188987"/>
                  <a:pt x="801649" y="190730"/>
                  <a:pt x="806877" y="191892"/>
                </a:cubicBezTo>
                <a:cubicBezTo>
                  <a:pt x="812105" y="193054"/>
                  <a:pt x="817914" y="193634"/>
                  <a:pt x="824110" y="193634"/>
                </a:cubicBezTo>
                <a:cubicBezTo>
                  <a:pt x="840182" y="193634"/>
                  <a:pt x="851994" y="189374"/>
                  <a:pt x="859546" y="181048"/>
                </a:cubicBezTo>
                <a:cubicBezTo>
                  <a:pt x="867097" y="172722"/>
                  <a:pt x="870776" y="161104"/>
                  <a:pt x="870776" y="146581"/>
                </a:cubicBezTo>
                <a:lnTo>
                  <a:pt x="870776" y="41825"/>
                </a:lnTo>
                <a:lnTo>
                  <a:pt x="858577" y="41825"/>
                </a:lnTo>
                <a:lnTo>
                  <a:pt x="858577" y="56735"/>
                </a:lnTo>
                <a:cubicBezTo>
                  <a:pt x="853349" y="49764"/>
                  <a:pt x="847734" y="45117"/>
                  <a:pt x="841538" y="42600"/>
                </a:cubicBezTo>
                <a:cubicBezTo>
                  <a:pt x="835341" y="40082"/>
                  <a:pt x="829339" y="38727"/>
                  <a:pt x="823142" y="38727"/>
                </a:cubicBezTo>
                <a:cubicBezTo>
                  <a:pt x="815590" y="38727"/>
                  <a:pt x="808813" y="40082"/>
                  <a:pt x="802617" y="42793"/>
                </a:cubicBezTo>
                <a:cubicBezTo>
                  <a:pt x="796614" y="45504"/>
                  <a:pt x="791386" y="49183"/>
                  <a:pt x="787320" y="54024"/>
                </a:cubicBezTo>
                <a:cubicBezTo>
                  <a:pt x="783060" y="58865"/>
                  <a:pt x="779962" y="64674"/>
                  <a:pt x="777638" y="71645"/>
                </a:cubicBezTo>
                <a:cubicBezTo>
                  <a:pt x="775314" y="78616"/>
                  <a:pt x="774346" y="86167"/>
                  <a:pt x="774346" y="94687"/>
                </a:cubicBezTo>
                <a:cubicBezTo>
                  <a:pt x="774346" y="101658"/>
                  <a:pt x="775314" y="108435"/>
                  <a:pt x="777057" y="115019"/>
                </a:cubicBezTo>
                <a:cubicBezTo>
                  <a:pt x="778800" y="121602"/>
                  <a:pt x="781704" y="127411"/>
                  <a:pt x="785383" y="132446"/>
                </a:cubicBezTo>
                <a:cubicBezTo>
                  <a:pt x="789256" y="137480"/>
                  <a:pt x="794097" y="141547"/>
                  <a:pt x="799906" y="144645"/>
                </a:cubicBezTo>
                <a:cubicBezTo>
                  <a:pt x="805715" y="147743"/>
                  <a:pt x="812686" y="149098"/>
                  <a:pt x="820819" y="149098"/>
                </a:cubicBezTo>
                <a:cubicBezTo>
                  <a:pt x="829145" y="149098"/>
                  <a:pt x="836503" y="147356"/>
                  <a:pt x="842699" y="143870"/>
                </a:cubicBezTo>
                <a:cubicBezTo>
                  <a:pt x="848702" y="140385"/>
                  <a:pt x="854124" y="135544"/>
                  <a:pt x="858577" y="129154"/>
                </a:cubicBezTo>
                <a:lnTo>
                  <a:pt x="858577" y="145419"/>
                </a:lnTo>
                <a:cubicBezTo>
                  <a:pt x="858577" y="159167"/>
                  <a:pt x="855867" y="169043"/>
                  <a:pt x="850251" y="174852"/>
                </a:cubicBezTo>
                <a:cubicBezTo>
                  <a:pt x="844636" y="180661"/>
                  <a:pt x="835922" y="183565"/>
                  <a:pt x="823917" y="183565"/>
                </a:cubicBezTo>
                <a:cubicBezTo>
                  <a:pt x="813267" y="183565"/>
                  <a:pt x="805328" y="181823"/>
                  <a:pt x="800100" y="178337"/>
                </a:cubicBezTo>
                <a:cubicBezTo>
                  <a:pt x="794872" y="174852"/>
                  <a:pt x="791580" y="169624"/>
                  <a:pt x="790031" y="162459"/>
                </a:cubicBezTo>
                <a:lnTo>
                  <a:pt x="778219" y="162459"/>
                </a:lnTo>
                <a:close/>
                <a:moveTo>
                  <a:pt x="705799" y="150260"/>
                </a:moveTo>
                <a:lnTo>
                  <a:pt x="717998" y="150260"/>
                </a:lnTo>
                <a:lnTo>
                  <a:pt x="717998" y="85006"/>
                </a:lnTo>
                <a:cubicBezTo>
                  <a:pt x="717998" y="79584"/>
                  <a:pt x="718967" y="74743"/>
                  <a:pt x="721097" y="70870"/>
                </a:cubicBezTo>
                <a:cubicBezTo>
                  <a:pt x="723227" y="66804"/>
                  <a:pt x="725937" y="63512"/>
                  <a:pt x="729036" y="60608"/>
                </a:cubicBezTo>
                <a:cubicBezTo>
                  <a:pt x="732327" y="57316"/>
                  <a:pt x="736007" y="55186"/>
                  <a:pt x="739686" y="53830"/>
                </a:cubicBezTo>
                <a:cubicBezTo>
                  <a:pt x="743558" y="52475"/>
                  <a:pt x="747237" y="51894"/>
                  <a:pt x="750916" y="51894"/>
                </a:cubicBezTo>
                <a:cubicBezTo>
                  <a:pt x="753046" y="51894"/>
                  <a:pt x="755370" y="52088"/>
                  <a:pt x="757887" y="52475"/>
                </a:cubicBezTo>
                <a:lnTo>
                  <a:pt x="759436" y="40857"/>
                </a:lnTo>
                <a:cubicBezTo>
                  <a:pt x="757887" y="40663"/>
                  <a:pt x="756532" y="40470"/>
                  <a:pt x="755176" y="40276"/>
                </a:cubicBezTo>
                <a:cubicBezTo>
                  <a:pt x="753821" y="40276"/>
                  <a:pt x="752465" y="40082"/>
                  <a:pt x="750916" y="40082"/>
                </a:cubicBezTo>
                <a:cubicBezTo>
                  <a:pt x="744526" y="40082"/>
                  <a:pt x="738717" y="41825"/>
                  <a:pt x="733102" y="45117"/>
                </a:cubicBezTo>
                <a:cubicBezTo>
                  <a:pt x="727487" y="48409"/>
                  <a:pt x="722452" y="53249"/>
                  <a:pt x="718192" y="59446"/>
                </a:cubicBezTo>
                <a:lnTo>
                  <a:pt x="718192" y="41825"/>
                </a:lnTo>
                <a:lnTo>
                  <a:pt x="705993" y="41825"/>
                </a:lnTo>
                <a:lnTo>
                  <a:pt x="705993" y="150260"/>
                </a:lnTo>
                <a:close/>
                <a:moveTo>
                  <a:pt x="585358" y="114051"/>
                </a:moveTo>
                <a:cubicBezTo>
                  <a:pt x="585358" y="127024"/>
                  <a:pt x="588069" y="136706"/>
                  <a:pt x="593298" y="143483"/>
                </a:cubicBezTo>
                <a:cubicBezTo>
                  <a:pt x="598719" y="150260"/>
                  <a:pt x="607433" y="153552"/>
                  <a:pt x="619826" y="153552"/>
                </a:cubicBezTo>
                <a:cubicBezTo>
                  <a:pt x="634735" y="153552"/>
                  <a:pt x="647903" y="146581"/>
                  <a:pt x="659133" y="132446"/>
                </a:cubicBezTo>
                <a:lnTo>
                  <a:pt x="659133" y="150067"/>
                </a:lnTo>
                <a:lnTo>
                  <a:pt x="671332" y="150067"/>
                </a:lnTo>
                <a:lnTo>
                  <a:pt x="671332" y="41631"/>
                </a:lnTo>
                <a:lnTo>
                  <a:pt x="659133" y="41631"/>
                </a:lnTo>
                <a:lnTo>
                  <a:pt x="659133" y="105143"/>
                </a:lnTo>
                <a:cubicBezTo>
                  <a:pt x="659133" y="111921"/>
                  <a:pt x="658165" y="117149"/>
                  <a:pt x="656035" y="121021"/>
                </a:cubicBezTo>
                <a:cubicBezTo>
                  <a:pt x="653905" y="124894"/>
                  <a:pt x="650807" y="128573"/>
                  <a:pt x="646741" y="132252"/>
                </a:cubicBezTo>
                <a:cubicBezTo>
                  <a:pt x="642868" y="135544"/>
                  <a:pt x="638608" y="138061"/>
                  <a:pt x="634348" y="139804"/>
                </a:cubicBezTo>
                <a:cubicBezTo>
                  <a:pt x="630088" y="141547"/>
                  <a:pt x="625635" y="142321"/>
                  <a:pt x="621375" y="142321"/>
                </a:cubicBezTo>
                <a:cubicBezTo>
                  <a:pt x="612661" y="142321"/>
                  <a:pt x="606465" y="139804"/>
                  <a:pt x="602979" y="134770"/>
                </a:cubicBezTo>
                <a:cubicBezTo>
                  <a:pt x="599300" y="129735"/>
                  <a:pt x="597558" y="121602"/>
                  <a:pt x="597558" y="110178"/>
                </a:cubicBezTo>
                <a:lnTo>
                  <a:pt x="597558" y="41825"/>
                </a:lnTo>
                <a:lnTo>
                  <a:pt x="585358" y="41825"/>
                </a:lnTo>
                <a:lnTo>
                  <a:pt x="585358" y="114051"/>
                </a:lnTo>
                <a:close/>
                <a:moveTo>
                  <a:pt x="470920" y="91008"/>
                </a:moveTo>
                <a:cubicBezTo>
                  <a:pt x="470920" y="82488"/>
                  <a:pt x="472276" y="75324"/>
                  <a:pt x="474987" y="69902"/>
                </a:cubicBezTo>
                <a:cubicBezTo>
                  <a:pt x="477697" y="64287"/>
                  <a:pt x="481570" y="59833"/>
                  <a:pt x="486411" y="56154"/>
                </a:cubicBezTo>
                <a:cubicBezTo>
                  <a:pt x="489896" y="53443"/>
                  <a:pt x="493382" y="51700"/>
                  <a:pt x="496867" y="50732"/>
                </a:cubicBezTo>
                <a:cubicBezTo>
                  <a:pt x="500353" y="49764"/>
                  <a:pt x="504225" y="49183"/>
                  <a:pt x="508679" y="49183"/>
                </a:cubicBezTo>
                <a:cubicBezTo>
                  <a:pt x="512552" y="49183"/>
                  <a:pt x="516618" y="49958"/>
                  <a:pt x="520684" y="51313"/>
                </a:cubicBezTo>
                <a:cubicBezTo>
                  <a:pt x="524751" y="52862"/>
                  <a:pt x="528430" y="55379"/>
                  <a:pt x="531722" y="58865"/>
                </a:cubicBezTo>
                <a:cubicBezTo>
                  <a:pt x="535013" y="62350"/>
                  <a:pt x="537531" y="67191"/>
                  <a:pt x="539661" y="73000"/>
                </a:cubicBezTo>
                <a:cubicBezTo>
                  <a:pt x="541791" y="78809"/>
                  <a:pt x="542759" y="86167"/>
                  <a:pt x="542759" y="95074"/>
                </a:cubicBezTo>
                <a:cubicBezTo>
                  <a:pt x="542759" y="103788"/>
                  <a:pt x="541791" y="111146"/>
                  <a:pt x="540048" y="117342"/>
                </a:cubicBezTo>
                <a:cubicBezTo>
                  <a:pt x="538305" y="123539"/>
                  <a:pt x="535788" y="128380"/>
                  <a:pt x="532496" y="132252"/>
                </a:cubicBezTo>
                <a:cubicBezTo>
                  <a:pt x="529398" y="136125"/>
                  <a:pt x="525525" y="138836"/>
                  <a:pt x="521265" y="140579"/>
                </a:cubicBezTo>
                <a:cubicBezTo>
                  <a:pt x="517005" y="142321"/>
                  <a:pt x="512164" y="143289"/>
                  <a:pt x="506936" y="143289"/>
                </a:cubicBezTo>
                <a:cubicBezTo>
                  <a:pt x="502676" y="143289"/>
                  <a:pt x="498804" y="142709"/>
                  <a:pt x="495318" y="141547"/>
                </a:cubicBezTo>
                <a:cubicBezTo>
                  <a:pt x="492026" y="140385"/>
                  <a:pt x="488735" y="138642"/>
                  <a:pt x="485443" y="136125"/>
                </a:cubicBezTo>
                <a:cubicBezTo>
                  <a:pt x="482732" y="134382"/>
                  <a:pt x="480602" y="132252"/>
                  <a:pt x="478666" y="130122"/>
                </a:cubicBezTo>
                <a:cubicBezTo>
                  <a:pt x="476923" y="127992"/>
                  <a:pt x="475374" y="125475"/>
                  <a:pt x="474212" y="122571"/>
                </a:cubicBezTo>
                <a:cubicBezTo>
                  <a:pt x="473050" y="119860"/>
                  <a:pt x="472276" y="116568"/>
                  <a:pt x="471695" y="113082"/>
                </a:cubicBezTo>
                <a:cubicBezTo>
                  <a:pt x="471114" y="109403"/>
                  <a:pt x="470920" y="105337"/>
                  <a:pt x="470920" y="100496"/>
                </a:cubicBezTo>
                <a:lnTo>
                  <a:pt x="470920" y="91008"/>
                </a:lnTo>
                <a:close/>
                <a:moveTo>
                  <a:pt x="459109" y="150260"/>
                </a:moveTo>
                <a:lnTo>
                  <a:pt x="471307" y="150260"/>
                </a:lnTo>
                <a:lnTo>
                  <a:pt x="471307" y="135544"/>
                </a:lnTo>
                <a:cubicBezTo>
                  <a:pt x="476342" y="142321"/>
                  <a:pt x="481957" y="146969"/>
                  <a:pt x="487960" y="149679"/>
                </a:cubicBezTo>
                <a:cubicBezTo>
                  <a:pt x="494156" y="152390"/>
                  <a:pt x="500353" y="153746"/>
                  <a:pt x="506936" y="153746"/>
                </a:cubicBezTo>
                <a:cubicBezTo>
                  <a:pt x="514294" y="153746"/>
                  <a:pt x="521072" y="152390"/>
                  <a:pt x="527074" y="149679"/>
                </a:cubicBezTo>
                <a:cubicBezTo>
                  <a:pt x="533077" y="146969"/>
                  <a:pt x="538112" y="143096"/>
                  <a:pt x="542372" y="138061"/>
                </a:cubicBezTo>
                <a:cubicBezTo>
                  <a:pt x="546631" y="133027"/>
                  <a:pt x="549923" y="126831"/>
                  <a:pt x="552247" y="119666"/>
                </a:cubicBezTo>
                <a:cubicBezTo>
                  <a:pt x="554571" y="112502"/>
                  <a:pt x="555732" y="104175"/>
                  <a:pt x="555732" y="94881"/>
                </a:cubicBezTo>
                <a:cubicBezTo>
                  <a:pt x="555732" y="86942"/>
                  <a:pt x="554764" y="79390"/>
                  <a:pt x="552828" y="72613"/>
                </a:cubicBezTo>
                <a:cubicBezTo>
                  <a:pt x="550891" y="65642"/>
                  <a:pt x="547987" y="59833"/>
                  <a:pt x="544114" y="54799"/>
                </a:cubicBezTo>
                <a:cubicBezTo>
                  <a:pt x="540242" y="49764"/>
                  <a:pt x="535401" y="45698"/>
                  <a:pt x="529398" y="42987"/>
                </a:cubicBezTo>
                <a:cubicBezTo>
                  <a:pt x="523589" y="40082"/>
                  <a:pt x="516618" y="38727"/>
                  <a:pt x="508679" y="38727"/>
                </a:cubicBezTo>
                <a:cubicBezTo>
                  <a:pt x="500353" y="38727"/>
                  <a:pt x="493188" y="40470"/>
                  <a:pt x="487186" y="43955"/>
                </a:cubicBezTo>
                <a:cubicBezTo>
                  <a:pt x="481377" y="47440"/>
                  <a:pt x="475955" y="52281"/>
                  <a:pt x="470920" y="58284"/>
                </a:cubicBezTo>
                <a:lnTo>
                  <a:pt x="470920" y="194"/>
                </a:lnTo>
                <a:lnTo>
                  <a:pt x="458721" y="194"/>
                </a:lnTo>
                <a:lnTo>
                  <a:pt x="458721" y="150260"/>
                </a:lnTo>
                <a:close/>
                <a:moveTo>
                  <a:pt x="274768" y="150260"/>
                </a:moveTo>
                <a:lnTo>
                  <a:pt x="286967" y="150260"/>
                </a:lnTo>
                <a:lnTo>
                  <a:pt x="286967" y="86167"/>
                </a:lnTo>
                <a:cubicBezTo>
                  <a:pt x="286967" y="82488"/>
                  <a:pt x="287354" y="79196"/>
                  <a:pt x="288129" y="76486"/>
                </a:cubicBezTo>
                <a:cubicBezTo>
                  <a:pt x="288903" y="73775"/>
                  <a:pt x="289872" y="71257"/>
                  <a:pt x="291033" y="69127"/>
                </a:cubicBezTo>
                <a:cubicBezTo>
                  <a:pt x="292195" y="66998"/>
                  <a:pt x="293551" y="65255"/>
                  <a:pt x="294906" y="63706"/>
                </a:cubicBezTo>
                <a:cubicBezTo>
                  <a:pt x="296455" y="62157"/>
                  <a:pt x="297811" y="60801"/>
                  <a:pt x="298972" y="59639"/>
                </a:cubicBezTo>
                <a:cubicBezTo>
                  <a:pt x="302651" y="56348"/>
                  <a:pt x="306331" y="53830"/>
                  <a:pt x="310010" y="52088"/>
                </a:cubicBezTo>
                <a:cubicBezTo>
                  <a:pt x="313689" y="50345"/>
                  <a:pt x="317755" y="49377"/>
                  <a:pt x="321821" y="49377"/>
                </a:cubicBezTo>
                <a:cubicBezTo>
                  <a:pt x="329179" y="49377"/>
                  <a:pt x="334795" y="51507"/>
                  <a:pt x="338474" y="55960"/>
                </a:cubicBezTo>
                <a:cubicBezTo>
                  <a:pt x="342153" y="60414"/>
                  <a:pt x="343896" y="67772"/>
                  <a:pt x="343896" y="78422"/>
                </a:cubicBezTo>
                <a:lnTo>
                  <a:pt x="343896" y="150260"/>
                </a:lnTo>
                <a:lnTo>
                  <a:pt x="356095" y="150260"/>
                </a:lnTo>
                <a:lnTo>
                  <a:pt x="356095" y="80939"/>
                </a:lnTo>
                <a:cubicBezTo>
                  <a:pt x="356095" y="75905"/>
                  <a:pt x="357257" y="71451"/>
                  <a:pt x="359387" y="67578"/>
                </a:cubicBezTo>
                <a:cubicBezTo>
                  <a:pt x="361516" y="63706"/>
                  <a:pt x="364421" y="60608"/>
                  <a:pt x="367713" y="57897"/>
                </a:cubicBezTo>
                <a:cubicBezTo>
                  <a:pt x="371585" y="54605"/>
                  <a:pt x="375458" y="52475"/>
                  <a:pt x="379525" y="51313"/>
                </a:cubicBezTo>
                <a:cubicBezTo>
                  <a:pt x="383591" y="50151"/>
                  <a:pt x="387270" y="49570"/>
                  <a:pt x="390562" y="49570"/>
                </a:cubicBezTo>
                <a:cubicBezTo>
                  <a:pt x="394434" y="49570"/>
                  <a:pt x="397726" y="49958"/>
                  <a:pt x="400437" y="50926"/>
                </a:cubicBezTo>
                <a:cubicBezTo>
                  <a:pt x="403148" y="51894"/>
                  <a:pt x="405665" y="53443"/>
                  <a:pt x="407408" y="55573"/>
                </a:cubicBezTo>
                <a:cubicBezTo>
                  <a:pt x="409344" y="57897"/>
                  <a:pt x="410700" y="60801"/>
                  <a:pt x="411668" y="64480"/>
                </a:cubicBezTo>
                <a:cubicBezTo>
                  <a:pt x="412636" y="68159"/>
                  <a:pt x="413023" y="72807"/>
                  <a:pt x="413023" y="78422"/>
                </a:cubicBezTo>
                <a:lnTo>
                  <a:pt x="413023" y="150454"/>
                </a:lnTo>
                <a:lnTo>
                  <a:pt x="425222" y="150454"/>
                </a:lnTo>
                <a:lnTo>
                  <a:pt x="425222" y="73968"/>
                </a:lnTo>
                <a:cubicBezTo>
                  <a:pt x="425222" y="61576"/>
                  <a:pt x="422318" y="52669"/>
                  <a:pt x="416315" y="47053"/>
                </a:cubicBezTo>
                <a:cubicBezTo>
                  <a:pt x="410506" y="41438"/>
                  <a:pt x="402180" y="38533"/>
                  <a:pt x="391917" y="38533"/>
                </a:cubicBezTo>
                <a:cubicBezTo>
                  <a:pt x="384365" y="38533"/>
                  <a:pt x="377201" y="40470"/>
                  <a:pt x="370617" y="44149"/>
                </a:cubicBezTo>
                <a:cubicBezTo>
                  <a:pt x="364034" y="47828"/>
                  <a:pt x="358225" y="53056"/>
                  <a:pt x="353384" y="59833"/>
                </a:cubicBezTo>
                <a:cubicBezTo>
                  <a:pt x="351060" y="53056"/>
                  <a:pt x="347381" y="47828"/>
                  <a:pt x="342347" y="44149"/>
                </a:cubicBezTo>
                <a:cubicBezTo>
                  <a:pt x="337312" y="40470"/>
                  <a:pt x="330729" y="38533"/>
                  <a:pt x="322402" y="38533"/>
                </a:cubicBezTo>
                <a:cubicBezTo>
                  <a:pt x="316012" y="38533"/>
                  <a:pt x="309816" y="40276"/>
                  <a:pt x="303813" y="43761"/>
                </a:cubicBezTo>
                <a:cubicBezTo>
                  <a:pt x="297617" y="47247"/>
                  <a:pt x="292002" y="52669"/>
                  <a:pt x="286580" y="59833"/>
                </a:cubicBezTo>
                <a:lnTo>
                  <a:pt x="286580" y="42019"/>
                </a:lnTo>
                <a:lnTo>
                  <a:pt x="274381" y="42019"/>
                </a:lnTo>
                <a:lnTo>
                  <a:pt x="274381" y="150260"/>
                </a:lnTo>
                <a:close/>
                <a:moveTo>
                  <a:pt x="214935" y="149679"/>
                </a:moveTo>
                <a:cubicBezTo>
                  <a:pt x="221325" y="146969"/>
                  <a:pt x="226747" y="143096"/>
                  <a:pt x="231200" y="137868"/>
                </a:cubicBezTo>
                <a:cubicBezTo>
                  <a:pt x="235654" y="132833"/>
                  <a:pt x="238946" y="126637"/>
                  <a:pt x="241463" y="119472"/>
                </a:cubicBezTo>
                <a:cubicBezTo>
                  <a:pt x="243786" y="112308"/>
                  <a:pt x="245142" y="104369"/>
                  <a:pt x="245142" y="95462"/>
                </a:cubicBezTo>
                <a:cubicBezTo>
                  <a:pt x="245142" y="86942"/>
                  <a:pt x="243980" y="79196"/>
                  <a:pt x="241656" y="72032"/>
                </a:cubicBezTo>
                <a:cubicBezTo>
                  <a:pt x="239333" y="65061"/>
                  <a:pt x="236041" y="59058"/>
                  <a:pt x="231587" y="54024"/>
                </a:cubicBezTo>
                <a:cubicBezTo>
                  <a:pt x="227327" y="48990"/>
                  <a:pt x="221906" y="45310"/>
                  <a:pt x="215516" y="42600"/>
                </a:cubicBezTo>
                <a:cubicBezTo>
                  <a:pt x="209126" y="39889"/>
                  <a:pt x="202155" y="38533"/>
                  <a:pt x="194216" y="38533"/>
                </a:cubicBezTo>
                <a:cubicBezTo>
                  <a:pt x="186277" y="38533"/>
                  <a:pt x="179306" y="39889"/>
                  <a:pt x="172916" y="42600"/>
                </a:cubicBezTo>
                <a:cubicBezTo>
                  <a:pt x="166526" y="45310"/>
                  <a:pt x="161298" y="49183"/>
                  <a:pt x="156844" y="54218"/>
                </a:cubicBezTo>
                <a:cubicBezTo>
                  <a:pt x="152391" y="59252"/>
                  <a:pt x="148905" y="65448"/>
                  <a:pt x="146582" y="72613"/>
                </a:cubicBezTo>
                <a:cubicBezTo>
                  <a:pt x="144064" y="79777"/>
                  <a:pt x="142903" y="87716"/>
                  <a:pt x="142903" y="96624"/>
                </a:cubicBezTo>
                <a:cubicBezTo>
                  <a:pt x="142903" y="105337"/>
                  <a:pt x="144064" y="113276"/>
                  <a:pt x="146388" y="120247"/>
                </a:cubicBezTo>
                <a:cubicBezTo>
                  <a:pt x="148712" y="127218"/>
                  <a:pt x="152003" y="133220"/>
                  <a:pt x="156263" y="138255"/>
                </a:cubicBezTo>
                <a:cubicBezTo>
                  <a:pt x="160523" y="143289"/>
                  <a:pt x="165752" y="147162"/>
                  <a:pt x="171948" y="149679"/>
                </a:cubicBezTo>
                <a:cubicBezTo>
                  <a:pt x="178144" y="152390"/>
                  <a:pt x="185309" y="153746"/>
                  <a:pt x="193248" y="153746"/>
                </a:cubicBezTo>
                <a:cubicBezTo>
                  <a:pt x="201380" y="153746"/>
                  <a:pt x="208545" y="152390"/>
                  <a:pt x="214935" y="149679"/>
                </a:cubicBezTo>
                <a:moveTo>
                  <a:pt x="176401" y="139417"/>
                </a:moveTo>
                <a:cubicBezTo>
                  <a:pt x="171561" y="136900"/>
                  <a:pt x="167688" y="133608"/>
                  <a:pt x="164590" y="129348"/>
                </a:cubicBezTo>
                <a:cubicBezTo>
                  <a:pt x="161492" y="125088"/>
                  <a:pt x="159362" y="120247"/>
                  <a:pt x="158006" y="114438"/>
                </a:cubicBezTo>
                <a:cubicBezTo>
                  <a:pt x="156651" y="108629"/>
                  <a:pt x="155876" y="102433"/>
                  <a:pt x="155876" y="95849"/>
                </a:cubicBezTo>
                <a:cubicBezTo>
                  <a:pt x="155876" y="89265"/>
                  <a:pt x="156651" y="83069"/>
                  <a:pt x="158006" y="77454"/>
                </a:cubicBezTo>
                <a:cubicBezTo>
                  <a:pt x="159362" y="71838"/>
                  <a:pt x="161685" y="66804"/>
                  <a:pt x="164590" y="62544"/>
                </a:cubicBezTo>
                <a:cubicBezTo>
                  <a:pt x="167688" y="58284"/>
                  <a:pt x="171561" y="54992"/>
                  <a:pt x="176401" y="52475"/>
                </a:cubicBezTo>
                <a:cubicBezTo>
                  <a:pt x="181242" y="49958"/>
                  <a:pt x="187051" y="48796"/>
                  <a:pt x="193829" y="48796"/>
                </a:cubicBezTo>
                <a:cubicBezTo>
                  <a:pt x="200799" y="48796"/>
                  <a:pt x="206609" y="49958"/>
                  <a:pt x="211256" y="52475"/>
                </a:cubicBezTo>
                <a:cubicBezTo>
                  <a:pt x="216097" y="54992"/>
                  <a:pt x="219969" y="58284"/>
                  <a:pt x="223067" y="62544"/>
                </a:cubicBezTo>
                <a:cubicBezTo>
                  <a:pt x="226166" y="66804"/>
                  <a:pt x="228296" y="71645"/>
                  <a:pt x="229845" y="77454"/>
                </a:cubicBezTo>
                <a:cubicBezTo>
                  <a:pt x="231200" y="83069"/>
                  <a:pt x="231975" y="89265"/>
                  <a:pt x="231975" y="95655"/>
                </a:cubicBezTo>
                <a:cubicBezTo>
                  <a:pt x="231975" y="102433"/>
                  <a:pt x="231200" y="108629"/>
                  <a:pt x="229845" y="114438"/>
                </a:cubicBezTo>
                <a:cubicBezTo>
                  <a:pt x="228489" y="120247"/>
                  <a:pt x="226166" y="125088"/>
                  <a:pt x="223067" y="129348"/>
                </a:cubicBezTo>
                <a:cubicBezTo>
                  <a:pt x="219969" y="133608"/>
                  <a:pt x="216097" y="136900"/>
                  <a:pt x="211256" y="139417"/>
                </a:cubicBezTo>
                <a:cubicBezTo>
                  <a:pt x="206415" y="141934"/>
                  <a:pt x="200606" y="143096"/>
                  <a:pt x="193829" y="143096"/>
                </a:cubicBezTo>
                <a:cubicBezTo>
                  <a:pt x="187051" y="143096"/>
                  <a:pt x="181242" y="141934"/>
                  <a:pt x="176401" y="139417"/>
                </a:cubicBezTo>
                <a:moveTo>
                  <a:pt x="0" y="150260"/>
                </a:moveTo>
                <a:lnTo>
                  <a:pt x="12780" y="150260"/>
                </a:lnTo>
                <a:lnTo>
                  <a:pt x="12780" y="78616"/>
                </a:lnTo>
                <a:lnTo>
                  <a:pt x="97592" y="78616"/>
                </a:lnTo>
                <a:lnTo>
                  <a:pt x="97592" y="150454"/>
                </a:lnTo>
                <a:lnTo>
                  <a:pt x="110372" y="150454"/>
                </a:lnTo>
                <a:lnTo>
                  <a:pt x="110372" y="0"/>
                </a:lnTo>
                <a:lnTo>
                  <a:pt x="97592" y="0"/>
                </a:lnTo>
                <a:lnTo>
                  <a:pt x="97592" y="66610"/>
                </a:lnTo>
                <a:lnTo>
                  <a:pt x="12780" y="66610"/>
                </a:lnTo>
                <a:lnTo>
                  <a:pt x="12780" y="0"/>
                </a:lnTo>
                <a:lnTo>
                  <a:pt x="0" y="0"/>
                </a:lnTo>
                <a:lnTo>
                  <a:pt x="0" y="150260"/>
                </a:lnTo>
                <a:close/>
              </a:path>
            </a:pathLst>
          </a:custGeom>
          <a:solidFill>
            <a:schemeClr val="bg1"/>
          </a:solidFill>
          <a:ln w="1921" cap="flat">
            <a:noFill/>
            <a:prstDash val="solid"/>
            <a:miter/>
          </a:ln>
        </p:spPr>
        <p:txBody>
          <a:bodyPr rtlCol="0" anchor="ctr"/>
          <a:lstStyle/>
          <a:p>
            <a:endParaRPr lang="fr-CH" dirty="0"/>
          </a:p>
        </p:txBody>
      </p:sp>
      <p:sp>
        <p:nvSpPr>
          <p:cNvPr id="10" name="Textplatzhalter 16">
            <a:extLst>
              <a:ext uri="{FF2B5EF4-FFF2-40B4-BE49-F238E27FC236}">
                <a16:creationId xmlns:a16="http://schemas.microsoft.com/office/drawing/2014/main" id="{B392F854-D957-4C3C-BF11-141EB64F1DAC}"/>
              </a:ext>
            </a:extLst>
          </p:cNvPr>
          <p:cNvSpPr>
            <a:spLocks noGrp="1"/>
          </p:cNvSpPr>
          <p:nvPr>
            <p:ph type="body" sz="quarter" idx="21" hasCustomPrompt="1"/>
          </p:nvPr>
        </p:nvSpPr>
        <p:spPr>
          <a:xfrm>
            <a:off x="334963" y="5954042"/>
            <a:ext cx="5761038" cy="184666"/>
          </a:xfrm>
          <a:prstGeom prst="rect">
            <a:avLst/>
          </a:prstGeom>
        </p:spPr>
        <p:txBody>
          <a:bodyPr anchor="t" anchorCtr="0">
            <a:noAutofit/>
          </a:bodyPr>
          <a:lstStyle>
            <a:lvl1pPr marL="0" indent="0">
              <a:lnSpc>
                <a:spcPct val="100000"/>
              </a:lnSpc>
              <a:spcBef>
                <a:spcPts val="0"/>
              </a:spcBef>
              <a:spcAft>
                <a:spcPts val="0"/>
              </a:spcAft>
              <a:buFontTx/>
              <a:buNone/>
              <a:defRPr sz="1200" b="0">
                <a:solidFill>
                  <a:schemeClr val="bg1"/>
                </a:solidFill>
              </a:defRPr>
            </a:lvl1pPr>
          </a:lstStyle>
          <a:p>
            <a:pPr lvl="0"/>
            <a:r>
              <a:rPr lang="fr-CH" dirty="0" err="1"/>
              <a:t>Autor</a:t>
            </a:r>
            <a:endParaRPr lang="fr-CH" dirty="0"/>
          </a:p>
        </p:txBody>
      </p:sp>
      <p:sp>
        <p:nvSpPr>
          <p:cNvPr id="6" name="Datumsplatzhalter 5">
            <a:extLst>
              <a:ext uri="{FF2B5EF4-FFF2-40B4-BE49-F238E27FC236}">
                <a16:creationId xmlns:a16="http://schemas.microsoft.com/office/drawing/2014/main" id="{00C5E437-1438-1274-F308-CEE3C7604451}"/>
              </a:ext>
            </a:extLst>
          </p:cNvPr>
          <p:cNvSpPr txBox="1">
            <a:spLocks/>
          </p:cNvSpPr>
          <p:nvPr userDrawn="1"/>
        </p:nvSpPr>
        <p:spPr>
          <a:xfrm>
            <a:off x="12357"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1" name="Date dynamic" descr="{&quot;templafy&quot;:{&quot;id&quot;:&quot;8bfeb2b7-bacc-4f6b-b73f-59024f6ccc8e&quot;}}">
            <a:extLst>
              <a:ext uri="{FF2B5EF4-FFF2-40B4-BE49-F238E27FC236}">
                <a16:creationId xmlns:a16="http://schemas.microsoft.com/office/drawing/2014/main" id="{44C1C508-D5F3-BA04-227A-9C767F655625}"/>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bg1"/>
                </a:solidFill>
                <a:latin typeface="+mn-lt"/>
                <a:ea typeface="+mn-ea"/>
                <a:cs typeface="+mn-cs"/>
              </a:rPr>
              <a:t>17 novembre 2023</a:t>
            </a:r>
          </a:p>
        </p:txBody>
      </p:sp>
      <p:sp>
        <p:nvSpPr>
          <p:cNvPr id="7" name="Confidentiality dynamic" descr="{&quot;templafy&quot;:{&quot;id&quot;:&quot;5c33845c-bccf-41fd-b5d9-eea88cc5a26a&quot;}}">
            <a:extLst>
              <a:ext uri="{FF2B5EF4-FFF2-40B4-BE49-F238E27FC236}">
                <a16:creationId xmlns:a16="http://schemas.microsoft.com/office/drawing/2014/main" id="{6265CF2D-7891-5870-D0D3-F3A27DF942C8}"/>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bg1"/>
              </a:solidFill>
              <a:latin typeface="+mn-lt"/>
              <a:ea typeface="+mn-ea"/>
              <a:cs typeface="+mn-cs"/>
            </a:endParaRPr>
          </a:p>
        </p:txBody>
      </p:sp>
    </p:spTree>
    <p:extLst>
      <p:ext uri="{BB962C8B-B14F-4D97-AF65-F5344CB8AC3E}">
        <p14:creationId xmlns:p14="http://schemas.microsoft.com/office/powerpoint/2010/main" val="416991788"/>
      </p:ext>
    </p:extLst>
  </p:cSld>
  <p:clrMapOvr>
    <a:masterClrMapping/>
  </p:clrMapOvr>
  <p:hf hdr="0"/>
</p:sldLayout>
</file>

<file path=ppt/slideLayouts/slideLayout30.xml><?xml version="1.0" encoding="utf-8"?>
<p:sldLayout xmlns:a="http://schemas.openxmlformats.org/drawingml/2006/main" xmlns:r="http://schemas.openxmlformats.org/officeDocument/2006/relationships" xmlns:p="http://schemas.openxmlformats.org/presentationml/2006/main" matchingName="Kernaussage rechts und Inhalt akzentuiert" preserve="1" userDrawn="1">
  <p:cSld name="Kernaussage rechts und Inhalt akzentuiert">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7656017" y="-429"/>
            <a:ext cx="453598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4963" y="518400"/>
            <a:ext cx="936000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335360" y="1916113"/>
            <a:ext cx="4537075" cy="4033837"/>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hasCustomPrompt="1"/>
          </p:nvPr>
        </p:nvSpPr>
        <p:spPr>
          <a:xfrm>
            <a:off x="7990981" y="1916113"/>
            <a:ext cx="3577132" cy="4024312"/>
          </a:xfrm>
        </p:spPr>
        <p:txBody>
          <a:bodyPr/>
          <a:lstStyle>
            <a:lvl1pPr marL="0" indent="0">
              <a:lnSpc>
                <a:spcPct val="100000"/>
              </a:lnSpc>
              <a:buNone/>
              <a:defRPr sz="2000"/>
            </a:lvl1pPr>
          </a:lstStyle>
          <a:p>
            <a:pPr lvl="0"/>
            <a:r>
              <a:rPr lang="fr-CH" dirty="0" err="1"/>
              <a:t>Kernaussage</a:t>
            </a:r>
            <a:endParaRPr lang="fr-CH" dirty="0"/>
          </a:p>
        </p:txBody>
      </p:sp>
      <p:sp>
        <p:nvSpPr>
          <p:cNvPr id="6" name="TextBox 5">
            <a:extLst>
              <a:ext uri="{FF2B5EF4-FFF2-40B4-BE49-F238E27FC236}">
                <a16:creationId xmlns:a16="http://schemas.microsoft.com/office/drawing/2014/main" id="{E7BCB0BB-CEFF-49CB-9BCD-51A1DBD55DA7}"/>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8" name="Grafik 4">
            <a:extLst>
              <a:ext uri="{FF2B5EF4-FFF2-40B4-BE49-F238E27FC236}">
                <a16:creationId xmlns:a16="http://schemas.microsoft.com/office/drawing/2014/main" id="{2CC68906-6C8E-4ADF-B7D1-38BB5941666C}"/>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5"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14BDF8EC-E62B-0BA7-2771-56651E756314}"/>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
        <p:nvSpPr>
          <p:cNvPr id="12" name="Foliennummernplatzhalter 2">
            <a:extLst>
              <a:ext uri="{FF2B5EF4-FFF2-40B4-BE49-F238E27FC236}">
                <a16:creationId xmlns:a16="http://schemas.microsoft.com/office/drawing/2014/main" id="{98DEE7D8-FD0A-A584-F7C7-D51EC08F1C15}"/>
              </a:ext>
            </a:extLst>
          </p:cNvPr>
          <p:cNvSpPr>
            <a:spLocks noGrp="1"/>
          </p:cNvSpPr>
          <p:nvPr>
            <p:ph type="sldNum" sz="quarter" idx="16"/>
          </p:nvPr>
        </p:nvSpPr>
        <p:spPr>
          <a:xfrm>
            <a:off x="0" y="6858000"/>
            <a:ext cx="0" cy="0"/>
          </a:xfrm>
        </p:spPr>
        <p:txBody>
          <a:bodyPr/>
          <a:lstStyle>
            <a:lvl1pPr>
              <a:defRPr>
                <a:noFill/>
              </a:defRPr>
            </a:lvl1pPr>
          </a:lstStyle>
          <a:p>
            <a:endParaRPr lang="fr-CH" dirty="0"/>
          </a:p>
        </p:txBody>
      </p:sp>
      <p:sp>
        <p:nvSpPr>
          <p:cNvPr id="3" name="Datumsplatzhalter 6">
            <a:extLst>
              <a:ext uri="{FF2B5EF4-FFF2-40B4-BE49-F238E27FC236}">
                <a16:creationId xmlns:a16="http://schemas.microsoft.com/office/drawing/2014/main" id="{10F09D64-6BA3-9A5B-576D-78421B553989}"/>
              </a:ext>
            </a:extLst>
          </p:cNvPr>
          <p:cNvSpPr>
            <a:spLocks noGrp="1"/>
          </p:cNvSpPr>
          <p:nvPr>
            <p:ph type="dt" sz="half" idx="17"/>
          </p:nvPr>
        </p:nvSpPr>
        <p:spPr>
          <a:xfrm>
            <a:off x="0" y="6857571"/>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2095107124"/>
      </p:ext>
    </p:extLst>
  </p:cSld>
  <p:clrMapOvr>
    <a:masterClrMapping/>
  </p:clrMapOvr>
  <p:hf hdr="0"/>
</p:sldLayout>
</file>

<file path=ppt/slideLayouts/slideLayout31.xml><?xml version="1.0" encoding="utf-8"?>
<p:sldLayout xmlns:a="http://schemas.openxmlformats.org/drawingml/2006/main" xmlns:r="http://schemas.openxmlformats.org/officeDocument/2006/relationships" xmlns:p="http://schemas.openxmlformats.org/presentationml/2006/main" matchingName="Kernaussage rechts und Inhalt grau" preserve="1" userDrawn="1">
  <p:cSld name="Kernaussage rechts und Inhalt grau">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7656017" y="-429"/>
            <a:ext cx="4535983" cy="6858000"/>
          </a:xfrm>
          <a:prstGeom prst="rect">
            <a:avLst/>
          </a:prstGeom>
          <a:solidFill>
            <a:srgbClr val="F0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338438" y="1916113"/>
            <a:ext cx="4537075" cy="4033837"/>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hasCustomPrompt="1"/>
          </p:nvPr>
        </p:nvSpPr>
        <p:spPr>
          <a:xfrm>
            <a:off x="7990981" y="1916113"/>
            <a:ext cx="3577132" cy="4024312"/>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4EA9F361-8320-4CCC-98C5-582771866EB1}"/>
              </a:ext>
            </a:extLst>
          </p:cNvPr>
          <p:cNvSpPr>
            <a:spLocks noGrp="1"/>
          </p:cNvSpPr>
          <p:nvPr>
            <p:ph type="sldNum" sz="quarter" idx="16"/>
          </p:nvPr>
        </p:nvSpPr>
        <p:spPr/>
        <p:txBody>
          <a:bodyPr/>
          <a:lstStyle>
            <a:lvl1pPr>
              <a:defRPr>
                <a:noFill/>
              </a:defRPr>
            </a:lvl1pPr>
          </a:lstStyle>
          <a:p>
            <a:endParaRPr lang="fr-CH" dirty="0"/>
          </a:p>
        </p:txBody>
      </p:sp>
      <p:sp>
        <p:nvSpPr>
          <p:cNvPr id="6" name="TextBox 5">
            <a:extLst>
              <a:ext uri="{FF2B5EF4-FFF2-40B4-BE49-F238E27FC236}">
                <a16:creationId xmlns:a16="http://schemas.microsoft.com/office/drawing/2014/main" id="{9A451181-CC22-481F-8BFA-5FC6BC4BAFCD}"/>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8" name="Grafik 4">
            <a:extLst>
              <a:ext uri="{FF2B5EF4-FFF2-40B4-BE49-F238E27FC236}">
                <a16:creationId xmlns:a16="http://schemas.microsoft.com/office/drawing/2014/main" id="{DA62A477-D96A-4F3B-8A6B-797BEAE4A53F}"/>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14" name="Datumsplatzhalter 4">
            <a:extLst>
              <a:ext uri="{FF2B5EF4-FFF2-40B4-BE49-F238E27FC236}">
                <a16:creationId xmlns:a16="http://schemas.microsoft.com/office/drawing/2014/main" id="{48AD9141-176C-09C0-8707-54C61C76C27A}"/>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5"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000DBED4-7909-4598-B8FB-3905251F9971}"/>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Tree>
    <p:extLst>
      <p:ext uri="{BB962C8B-B14F-4D97-AF65-F5344CB8AC3E}">
        <p14:creationId xmlns:p14="http://schemas.microsoft.com/office/powerpoint/2010/main" val="1754712361"/>
      </p:ext>
    </p:extLst>
  </p:cSld>
  <p:clrMapOvr>
    <a:masterClrMapping/>
  </p:clrMapOvr>
  <p:hf hdr="0"/>
</p:sldLayout>
</file>

<file path=ppt/slideLayouts/slideLayout32.xml><?xml version="1.0" encoding="utf-8"?>
<p:sldLayout xmlns:a="http://schemas.openxmlformats.org/drawingml/2006/main" xmlns:r="http://schemas.openxmlformats.org/officeDocument/2006/relationships" xmlns:p="http://schemas.openxmlformats.org/presentationml/2006/main" matchingName="Marginalspalte links und zwei Inhalte akzentuiert" preserve="1" userDrawn="1">
  <p:cSld name="Marginalspalte links und zwei Inhalte akzentuiert">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1" y="-429"/>
            <a:ext cx="352782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p:nvPr>
        </p:nvSpPr>
        <p:spPr>
          <a:xfrm>
            <a:off x="334963" y="1916113"/>
            <a:ext cx="2879725" cy="4024312"/>
          </a:xfrm>
        </p:spPr>
        <p:txBody>
          <a:bodyPr/>
          <a:lstStyle>
            <a:lvl1pPr marL="0" indent="0">
              <a:lnSpc>
                <a:spcPct val="122000"/>
              </a:lnSpc>
              <a:buNone/>
              <a:defRPr sz="1400"/>
            </a:lvl1pPr>
          </a:lstStyle>
          <a:p>
            <a:pPr lvl="0"/>
            <a:r>
              <a:rPr lang="fr-CH" dirty="0" err="1"/>
              <a:t>Mastertextformat</a:t>
            </a:r>
            <a:r>
              <a:rPr lang="fr-CH" dirty="0"/>
              <a:t> </a:t>
            </a:r>
            <a:r>
              <a:rPr lang="fr-CH" dirty="0" err="1"/>
              <a:t>bearbeiten</a:t>
            </a:r>
            <a:endParaRPr lang="fr-CH" dirty="0"/>
          </a:p>
        </p:txBody>
      </p:sp>
      <p:sp>
        <p:nvSpPr>
          <p:cNvPr id="3" name="Foliennummernplatzhalter 2">
            <a:extLst>
              <a:ext uri="{FF2B5EF4-FFF2-40B4-BE49-F238E27FC236}">
                <a16:creationId xmlns:a16="http://schemas.microsoft.com/office/drawing/2014/main" id="{80A1C3BF-2D20-4DC1-9D66-2A4981C05A2C}"/>
              </a:ext>
            </a:extLst>
          </p:cNvPr>
          <p:cNvSpPr>
            <a:spLocks noGrp="1"/>
          </p:cNvSpPr>
          <p:nvPr>
            <p:ph type="sldNum" sz="quarter" idx="16"/>
          </p:nvPr>
        </p:nvSpPr>
        <p:spPr/>
        <p:txBody>
          <a:bodyPr/>
          <a:lstStyle/>
          <a:p>
            <a:fld id="{1EBB1E85-91AA-42D0-9059-C217B37038AF}" type="slidenum">
              <a:rPr lang="fr-CH" smtClean="0"/>
              <a:pPr/>
              <a:t>‹N°›</a:t>
            </a:fld>
            <a:endParaRPr lang="fr-CH" dirty="0"/>
          </a:p>
        </p:txBody>
      </p:sp>
      <p:sp>
        <p:nvSpPr>
          <p:cNvPr id="8" name="Textplatzhalter 7">
            <a:extLst>
              <a:ext uri="{FF2B5EF4-FFF2-40B4-BE49-F238E27FC236}">
                <a16:creationId xmlns:a16="http://schemas.microsoft.com/office/drawing/2014/main" id="{65D0DDEB-39F2-49FE-8F03-3B4FB332DDBC}"/>
              </a:ext>
            </a:extLst>
          </p:cNvPr>
          <p:cNvSpPr>
            <a:spLocks noGrp="1"/>
          </p:cNvSpPr>
          <p:nvPr>
            <p:ph type="body" sz="quarter" idx="21" hasCustomPrompt="1"/>
          </p:nvPr>
        </p:nvSpPr>
        <p:spPr>
          <a:xfrm>
            <a:off x="4150800" y="1125111"/>
            <a:ext cx="3600450" cy="790574"/>
          </a:xfrm>
        </p:spPr>
        <p:txBody>
          <a:bodyPr lIns="0" bIns="72000" anchor="b" anchorCtr="0"/>
          <a:lstStyle>
            <a:lvl1pPr marL="0" indent="0">
              <a:lnSpc>
                <a:spcPct val="100000"/>
              </a:lnSpc>
              <a:spcBef>
                <a:spcPts val="0"/>
              </a:spcBef>
              <a:buNone/>
              <a:defRPr lang="de-DE" sz="10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Stichwort</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18" name="Textplatzhalter 7">
            <a:extLst>
              <a:ext uri="{FF2B5EF4-FFF2-40B4-BE49-F238E27FC236}">
                <a16:creationId xmlns:a16="http://schemas.microsoft.com/office/drawing/2014/main" id="{C59E763B-C81E-4C99-A6E8-DCAB5C0D2980}"/>
              </a:ext>
            </a:extLst>
          </p:cNvPr>
          <p:cNvSpPr>
            <a:spLocks noGrp="1"/>
          </p:cNvSpPr>
          <p:nvPr>
            <p:ph type="body" sz="quarter" idx="22" hasCustomPrompt="1"/>
          </p:nvPr>
        </p:nvSpPr>
        <p:spPr>
          <a:xfrm>
            <a:off x="7967661" y="1125111"/>
            <a:ext cx="3600451" cy="791002"/>
          </a:xfrm>
        </p:spPr>
        <p:txBody>
          <a:bodyPr lIns="0" bIns="72000" anchor="b" anchorCtr="0"/>
          <a:lstStyle>
            <a:lvl1pPr marL="0" indent="0">
              <a:lnSpc>
                <a:spcPct val="100000"/>
              </a:lnSpc>
              <a:spcBef>
                <a:spcPts val="0"/>
              </a:spcBef>
              <a:buNone/>
              <a:defRPr lang="de-DE" sz="10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Stichwort</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20" name="Textplatzhalter 19">
            <a:extLst>
              <a:ext uri="{FF2B5EF4-FFF2-40B4-BE49-F238E27FC236}">
                <a16:creationId xmlns:a16="http://schemas.microsoft.com/office/drawing/2014/main" id="{E03F45DF-C4B3-451A-8614-C5FC68CC38BA}"/>
              </a:ext>
            </a:extLst>
          </p:cNvPr>
          <p:cNvSpPr>
            <a:spLocks noGrp="1"/>
          </p:cNvSpPr>
          <p:nvPr>
            <p:ph type="body" sz="quarter" idx="23" hasCustomPrompt="1"/>
          </p:nvPr>
        </p:nvSpPr>
        <p:spPr>
          <a:xfrm>
            <a:off x="4150800" y="5300663"/>
            <a:ext cx="5545137" cy="649287"/>
          </a:xfrm>
        </p:spPr>
        <p:txBody>
          <a:bodyPr bIns="108000" anchor="b" anchorCtr="0"/>
          <a:lstStyle>
            <a:lvl1pPr marL="0" indent="0">
              <a:lnSpc>
                <a:spcPct val="122000"/>
              </a:lnSpc>
              <a:spcBef>
                <a:spcPts val="0"/>
              </a:spcBef>
              <a:buFont typeface="Arial" panose="020B0604020202020204" pitchFamily="34" charset="0"/>
              <a:buNone/>
              <a:defRPr sz="1400">
                <a:solidFill>
                  <a:schemeClr val="tx2"/>
                </a:solidFill>
              </a:defRPr>
            </a:lvl1pPr>
            <a:lvl2pPr marL="230400" indent="0">
              <a:buFont typeface="Arial" panose="020B0604020202020204" pitchFamily="34" charset="0"/>
              <a:buNone/>
              <a:defRPr sz="1400">
                <a:solidFill>
                  <a:schemeClr val="tx2"/>
                </a:solidFill>
              </a:defRPr>
            </a:lvl2pPr>
            <a:lvl3pPr marL="462600" indent="0">
              <a:buFont typeface="Arial" panose="020B0604020202020204" pitchFamily="34" charset="0"/>
              <a:buNone/>
              <a:defRPr sz="1400">
                <a:solidFill>
                  <a:schemeClr val="tx2"/>
                </a:solidFill>
              </a:defRPr>
            </a:lvl3pPr>
            <a:lvl4pPr marL="693000" indent="0">
              <a:buFont typeface="Arial" panose="020B0604020202020204" pitchFamily="34" charset="0"/>
              <a:buNone/>
              <a:defRPr sz="1400">
                <a:solidFill>
                  <a:schemeClr val="tx2"/>
                </a:solidFill>
              </a:defRPr>
            </a:lvl4pPr>
            <a:lvl5pPr marL="923400" indent="0">
              <a:buFont typeface="Arial" panose="020B0604020202020204" pitchFamily="34" charset="0"/>
              <a:buNone/>
              <a:defRPr sz="1400">
                <a:solidFill>
                  <a:schemeClr val="tx2"/>
                </a:solidFill>
              </a:defRPr>
            </a:lvl5pPr>
          </a:lstStyle>
          <a:p>
            <a:pPr lvl="0"/>
            <a:r>
              <a:rPr lang="fr-CH" dirty="0" err="1"/>
              <a:t>Hinweis</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33" name="Content Placeholder 3">
            <a:extLst>
              <a:ext uri="{FF2B5EF4-FFF2-40B4-BE49-F238E27FC236}">
                <a16:creationId xmlns:a16="http://schemas.microsoft.com/office/drawing/2014/main" id="{8E677199-AAF8-435C-9D56-16D28EA0B9F6}"/>
              </a:ext>
            </a:extLst>
          </p:cNvPr>
          <p:cNvSpPr>
            <a:spLocks noGrp="1"/>
          </p:cNvSpPr>
          <p:nvPr>
            <p:ph sz="half" idx="2"/>
          </p:nvPr>
        </p:nvSpPr>
        <p:spPr>
          <a:xfrm>
            <a:off x="4150800" y="1916113"/>
            <a:ext cx="3600053" cy="3313087"/>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34" name="Content Placeholder 3">
            <a:extLst>
              <a:ext uri="{FF2B5EF4-FFF2-40B4-BE49-F238E27FC236}">
                <a16:creationId xmlns:a16="http://schemas.microsoft.com/office/drawing/2014/main" id="{9D02C2C8-2A5A-4003-8795-0D6B3A6514B8}"/>
              </a:ext>
            </a:extLst>
          </p:cNvPr>
          <p:cNvSpPr>
            <a:spLocks noGrp="1"/>
          </p:cNvSpPr>
          <p:nvPr>
            <p:ph sz="half" idx="24"/>
          </p:nvPr>
        </p:nvSpPr>
        <p:spPr>
          <a:xfrm>
            <a:off x="7968060" y="1915685"/>
            <a:ext cx="3600053" cy="3313087"/>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6" name="TextBox 5">
            <a:extLst>
              <a:ext uri="{FF2B5EF4-FFF2-40B4-BE49-F238E27FC236}">
                <a16:creationId xmlns:a16="http://schemas.microsoft.com/office/drawing/2014/main" id="{9238747E-2439-44A0-BB3B-68A6BFBEE965}"/>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12" name="Datumsplatzhalter 3">
            <a:extLst>
              <a:ext uri="{FF2B5EF4-FFF2-40B4-BE49-F238E27FC236}">
                <a16:creationId xmlns:a16="http://schemas.microsoft.com/office/drawing/2014/main" id="{684DAF29-329D-ACE9-A402-8DA3B68A45DE}"/>
              </a:ext>
            </a:extLst>
          </p:cNvPr>
          <p:cNvSpPr txBox="1">
            <a:spLocks/>
          </p:cNvSpPr>
          <p:nvPr userDrawn="1"/>
        </p:nvSpPr>
        <p:spPr>
          <a:xfrm>
            <a:off x="0"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4" name="Date dynamic" descr="{&quot;templafy&quot;:{&quot;id&quot;:&quot;463e6bf4-4f6b-485f-9cd3-f057ada1049c&quot;}}">
            <a:extLst>
              <a:ext uri="{FF2B5EF4-FFF2-40B4-BE49-F238E27FC236}">
                <a16:creationId xmlns:a16="http://schemas.microsoft.com/office/drawing/2014/main" id="{BCEAC797-B0C0-214B-42CC-23B2C25CC1E5}"/>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5" name="Confidentiality dynamic" descr="{&quot;templafy&quot;:{&quot;id&quot;:&quot;6b6c8a9f-49d9-403f-bdb2-4ae30da04a68&quot;}}">
            <a:extLst>
              <a:ext uri="{FF2B5EF4-FFF2-40B4-BE49-F238E27FC236}">
                <a16:creationId xmlns:a16="http://schemas.microsoft.com/office/drawing/2014/main" id="{854DF6E6-F70F-8CC2-F4E4-0937A88E28FA}"/>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4275309945"/>
      </p:ext>
    </p:extLst>
  </p:cSld>
  <p:clrMapOvr>
    <a:masterClrMapping/>
  </p:clrMapOvr>
  <p:hf hdr="0"/>
</p:sldLayout>
</file>

<file path=ppt/slideLayouts/slideLayout33.xml><?xml version="1.0" encoding="utf-8"?>
<p:sldLayout xmlns:a="http://schemas.openxmlformats.org/drawingml/2006/main" xmlns:r="http://schemas.openxmlformats.org/officeDocument/2006/relationships" xmlns:p="http://schemas.openxmlformats.org/presentationml/2006/main" matchingName="Marginalspalte links und zwei Inhalte grau" preserve="1" userDrawn="1">
  <p:cSld name="Marginalspalte links und zwei Inhalte grau">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1" y="-429"/>
            <a:ext cx="3527823" cy="6858000"/>
          </a:xfrm>
          <a:prstGeom prst="rect">
            <a:avLst/>
          </a:prstGeom>
          <a:solidFill>
            <a:srgbClr val="F0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p:nvPr>
        </p:nvSpPr>
        <p:spPr>
          <a:xfrm>
            <a:off x="334963" y="1916113"/>
            <a:ext cx="2879725" cy="4024312"/>
          </a:xfrm>
        </p:spPr>
        <p:txBody>
          <a:bodyPr/>
          <a:lstStyle>
            <a:lvl1pPr marL="0" indent="0">
              <a:lnSpc>
                <a:spcPct val="122000"/>
              </a:lnSpc>
              <a:buNone/>
              <a:defRPr sz="1400"/>
            </a:lvl1pPr>
          </a:lstStyle>
          <a:p>
            <a:pPr lvl="0"/>
            <a:r>
              <a:rPr lang="fr-CH" dirty="0" err="1"/>
              <a:t>Mastertextformat</a:t>
            </a:r>
            <a:r>
              <a:rPr lang="fr-CH" dirty="0"/>
              <a:t> </a:t>
            </a:r>
            <a:r>
              <a:rPr lang="fr-CH" dirty="0" err="1"/>
              <a:t>bearbeiten</a:t>
            </a:r>
            <a:endParaRPr lang="fr-CH" dirty="0"/>
          </a:p>
        </p:txBody>
      </p:sp>
      <p:sp>
        <p:nvSpPr>
          <p:cNvPr id="3" name="Foliennummernplatzhalter 2">
            <a:extLst>
              <a:ext uri="{FF2B5EF4-FFF2-40B4-BE49-F238E27FC236}">
                <a16:creationId xmlns:a16="http://schemas.microsoft.com/office/drawing/2014/main" id="{80A1C3BF-2D20-4DC1-9D66-2A4981C05A2C}"/>
              </a:ext>
            </a:extLst>
          </p:cNvPr>
          <p:cNvSpPr>
            <a:spLocks noGrp="1"/>
          </p:cNvSpPr>
          <p:nvPr>
            <p:ph type="sldNum" sz="quarter" idx="16"/>
          </p:nvPr>
        </p:nvSpPr>
        <p:spPr/>
        <p:txBody>
          <a:bodyPr/>
          <a:lstStyle/>
          <a:p>
            <a:fld id="{63DEAFE0-4A03-4F0E-ACC3-8D95E0EA856E}" type="slidenum">
              <a:rPr lang="fr-CH" smtClean="0"/>
              <a:pPr/>
              <a:t>‹N°›</a:t>
            </a:fld>
            <a:endParaRPr lang="fr-CH" dirty="0"/>
          </a:p>
        </p:txBody>
      </p:sp>
      <p:sp>
        <p:nvSpPr>
          <p:cNvPr id="8" name="Textplatzhalter 7">
            <a:extLst>
              <a:ext uri="{FF2B5EF4-FFF2-40B4-BE49-F238E27FC236}">
                <a16:creationId xmlns:a16="http://schemas.microsoft.com/office/drawing/2014/main" id="{65D0DDEB-39F2-49FE-8F03-3B4FB332DDBC}"/>
              </a:ext>
            </a:extLst>
          </p:cNvPr>
          <p:cNvSpPr>
            <a:spLocks noGrp="1"/>
          </p:cNvSpPr>
          <p:nvPr>
            <p:ph type="body" sz="quarter" idx="21" hasCustomPrompt="1"/>
          </p:nvPr>
        </p:nvSpPr>
        <p:spPr>
          <a:xfrm>
            <a:off x="4150800" y="1125111"/>
            <a:ext cx="3600450" cy="790574"/>
          </a:xfrm>
        </p:spPr>
        <p:txBody>
          <a:bodyPr lIns="0" bIns="72000" anchor="b" anchorCtr="0"/>
          <a:lstStyle>
            <a:lvl1pPr marL="0" indent="0">
              <a:lnSpc>
                <a:spcPct val="100000"/>
              </a:lnSpc>
              <a:spcBef>
                <a:spcPts val="0"/>
              </a:spcBef>
              <a:buNone/>
              <a:defRPr lang="de-DE" sz="10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Stichwort</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18" name="Textplatzhalter 7">
            <a:extLst>
              <a:ext uri="{FF2B5EF4-FFF2-40B4-BE49-F238E27FC236}">
                <a16:creationId xmlns:a16="http://schemas.microsoft.com/office/drawing/2014/main" id="{C59E763B-C81E-4C99-A6E8-DCAB5C0D2980}"/>
              </a:ext>
            </a:extLst>
          </p:cNvPr>
          <p:cNvSpPr>
            <a:spLocks noGrp="1"/>
          </p:cNvSpPr>
          <p:nvPr>
            <p:ph type="body" sz="quarter" idx="22" hasCustomPrompt="1"/>
          </p:nvPr>
        </p:nvSpPr>
        <p:spPr>
          <a:xfrm>
            <a:off x="7967661" y="1125111"/>
            <a:ext cx="3600451" cy="791002"/>
          </a:xfrm>
        </p:spPr>
        <p:txBody>
          <a:bodyPr lIns="0" bIns="72000" anchor="b" anchorCtr="0"/>
          <a:lstStyle>
            <a:lvl1pPr marL="0" indent="0">
              <a:lnSpc>
                <a:spcPct val="100000"/>
              </a:lnSpc>
              <a:spcBef>
                <a:spcPts val="0"/>
              </a:spcBef>
              <a:buNone/>
              <a:defRPr lang="de-DE" sz="10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Stichwort</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20" name="Textplatzhalter 19">
            <a:extLst>
              <a:ext uri="{FF2B5EF4-FFF2-40B4-BE49-F238E27FC236}">
                <a16:creationId xmlns:a16="http://schemas.microsoft.com/office/drawing/2014/main" id="{E03F45DF-C4B3-451A-8614-C5FC68CC38BA}"/>
              </a:ext>
            </a:extLst>
          </p:cNvPr>
          <p:cNvSpPr>
            <a:spLocks noGrp="1"/>
          </p:cNvSpPr>
          <p:nvPr>
            <p:ph type="body" sz="quarter" idx="23" hasCustomPrompt="1"/>
          </p:nvPr>
        </p:nvSpPr>
        <p:spPr>
          <a:xfrm>
            <a:off x="4150800" y="5300663"/>
            <a:ext cx="5545137" cy="649287"/>
          </a:xfrm>
        </p:spPr>
        <p:txBody>
          <a:bodyPr bIns="108000" anchor="b" anchorCtr="0"/>
          <a:lstStyle>
            <a:lvl1pPr marL="0" indent="0">
              <a:lnSpc>
                <a:spcPct val="122000"/>
              </a:lnSpc>
              <a:spcBef>
                <a:spcPts val="0"/>
              </a:spcBef>
              <a:buFont typeface="Arial" panose="020B0604020202020204" pitchFamily="34" charset="0"/>
              <a:buNone/>
              <a:defRPr sz="1400">
                <a:solidFill>
                  <a:schemeClr val="tx2"/>
                </a:solidFill>
              </a:defRPr>
            </a:lvl1pPr>
            <a:lvl2pPr marL="230400" indent="0">
              <a:buFont typeface="Arial" panose="020B0604020202020204" pitchFamily="34" charset="0"/>
              <a:buNone/>
              <a:defRPr sz="1400">
                <a:solidFill>
                  <a:schemeClr val="tx2"/>
                </a:solidFill>
              </a:defRPr>
            </a:lvl2pPr>
            <a:lvl3pPr marL="462600" indent="0">
              <a:buFont typeface="Arial" panose="020B0604020202020204" pitchFamily="34" charset="0"/>
              <a:buNone/>
              <a:defRPr sz="1400">
                <a:solidFill>
                  <a:schemeClr val="tx2"/>
                </a:solidFill>
              </a:defRPr>
            </a:lvl3pPr>
            <a:lvl4pPr marL="693000" indent="0">
              <a:buFont typeface="Arial" panose="020B0604020202020204" pitchFamily="34" charset="0"/>
              <a:buNone/>
              <a:defRPr sz="1400">
                <a:solidFill>
                  <a:schemeClr val="tx2"/>
                </a:solidFill>
              </a:defRPr>
            </a:lvl4pPr>
            <a:lvl5pPr marL="923400" indent="0">
              <a:buFont typeface="Arial" panose="020B0604020202020204" pitchFamily="34" charset="0"/>
              <a:buNone/>
              <a:defRPr sz="1400">
                <a:solidFill>
                  <a:schemeClr val="tx2"/>
                </a:solidFill>
              </a:defRPr>
            </a:lvl5pPr>
          </a:lstStyle>
          <a:p>
            <a:pPr lvl="0"/>
            <a:r>
              <a:rPr lang="fr-CH" dirty="0" err="1"/>
              <a:t>Hinweis</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33" name="Content Placeholder 3">
            <a:extLst>
              <a:ext uri="{FF2B5EF4-FFF2-40B4-BE49-F238E27FC236}">
                <a16:creationId xmlns:a16="http://schemas.microsoft.com/office/drawing/2014/main" id="{8E677199-AAF8-435C-9D56-16D28EA0B9F6}"/>
              </a:ext>
            </a:extLst>
          </p:cNvPr>
          <p:cNvSpPr>
            <a:spLocks noGrp="1"/>
          </p:cNvSpPr>
          <p:nvPr>
            <p:ph sz="half" idx="2"/>
          </p:nvPr>
        </p:nvSpPr>
        <p:spPr>
          <a:xfrm>
            <a:off x="4150800" y="1916113"/>
            <a:ext cx="3600053" cy="3313087"/>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34" name="Content Placeholder 3">
            <a:extLst>
              <a:ext uri="{FF2B5EF4-FFF2-40B4-BE49-F238E27FC236}">
                <a16:creationId xmlns:a16="http://schemas.microsoft.com/office/drawing/2014/main" id="{9D02C2C8-2A5A-4003-8795-0D6B3A6514B8}"/>
              </a:ext>
            </a:extLst>
          </p:cNvPr>
          <p:cNvSpPr>
            <a:spLocks noGrp="1"/>
          </p:cNvSpPr>
          <p:nvPr>
            <p:ph sz="half" idx="24"/>
          </p:nvPr>
        </p:nvSpPr>
        <p:spPr>
          <a:xfrm>
            <a:off x="7968060" y="1915685"/>
            <a:ext cx="3600053" cy="3313087"/>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6" name="TextBox 5">
            <a:extLst>
              <a:ext uri="{FF2B5EF4-FFF2-40B4-BE49-F238E27FC236}">
                <a16:creationId xmlns:a16="http://schemas.microsoft.com/office/drawing/2014/main" id="{9238747E-2439-44A0-BB3B-68A6BFBEE965}"/>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12" name="Datumsplatzhalter 3">
            <a:extLst>
              <a:ext uri="{FF2B5EF4-FFF2-40B4-BE49-F238E27FC236}">
                <a16:creationId xmlns:a16="http://schemas.microsoft.com/office/drawing/2014/main" id="{F47DD3EE-AF4D-0372-2FEF-E2D18E58B636}"/>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4" name="Date dynamic" descr="{&quot;templafy&quot;:{&quot;id&quot;:&quot;8fbb4362-3338-4b29-9e65-58cfcc9dbbbb&quot;}}">
            <a:extLst>
              <a:ext uri="{FF2B5EF4-FFF2-40B4-BE49-F238E27FC236}">
                <a16:creationId xmlns:a16="http://schemas.microsoft.com/office/drawing/2014/main" id="{BDBF38A3-4B01-8C85-DC9C-803843660D63}"/>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5" name="Confidentiality dynamic" descr="{&quot;templafy&quot;:{&quot;id&quot;:&quot;e2daced8-dae5-48ee-95b5-1a20ea37bfb2&quot;}}">
            <a:extLst>
              <a:ext uri="{FF2B5EF4-FFF2-40B4-BE49-F238E27FC236}">
                <a16:creationId xmlns:a16="http://schemas.microsoft.com/office/drawing/2014/main" id="{86FBE557-1CFA-5314-8972-1050EE82946A}"/>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3594789480"/>
      </p:ext>
    </p:extLst>
  </p:cSld>
  <p:clrMapOvr>
    <a:masterClrMapping/>
  </p:clrMapOvr>
  <p:hf hdr="0"/>
</p:sldLayout>
</file>

<file path=ppt/slideLayouts/slideLayout34.xml><?xml version="1.0" encoding="utf-8"?>
<p:sldLayout xmlns:a="http://schemas.openxmlformats.org/drawingml/2006/main" xmlns:r="http://schemas.openxmlformats.org/officeDocument/2006/relationships" xmlns:p="http://schemas.openxmlformats.org/presentationml/2006/main" matchingName="Marginalspalte und akzentuierter Inhalt" preserve="1" userDrawn="1">
  <p:cSld name="Marginalspalte und akzentuierter Inhalt">
    <p:spTree>
      <p:nvGrpSpPr>
        <p:cNvPr id="1" name=""/>
        <p:cNvGrpSpPr/>
        <p:nvPr/>
      </p:nvGrpSpPr>
      <p:grpSpPr>
        <a:xfrm>
          <a:off x="0" y="0"/>
          <a:ext cx="0" cy="0"/>
          <a:chOff x="0" y="0"/>
          <a:chExt cx="0" cy="0"/>
        </a:xfrm>
      </p:grpSpPr>
      <p:sp>
        <p:nvSpPr>
          <p:cNvPr id="14" name="Rectangle 10">
            <a:extLst>
              <a:ext uri="{FF2B5EF4-FFF2-40B4-BE49-F238E27FC236}">
                <a16:creationId xmlns:a16="http://schemas.microsoft.com/office/drawing/2014/main" id="{E1BFE506-815E-4189-BA0F-BAB584843359}"/>
              </a:ext>
            </a:extLst>
          </p:cNvPr>
          <p:cNvSpPr/>
          <p:nvPr userDrawn="1"/>
        </p:nvSpPr>
        <p:spPr>
          <a:xfrm>
            <a:off x="3527822" y="-429"/>
            <a:ext cx="8664178"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p:nvPr>
        </p:nvSpPr>
        <p:spPr>
          <a:xfrm>
            <a:off x="334963" y="1916113"/>
            <a:ext cx="2879725" cy="4024312"/>
          </a:xfrm>
        </p:spPr>
        <p:txBody>
          <a:bodyPr/>
          <a:lstStyle>
            <a:lvl1pPr marL="0" indent="0">
              <a:lnSpc>
                <a:spcPct val="122000"/>
              </a:lnSpc>
              <a:buNone/>
              <a:defRPr sz="1400"/>
            </a:lvl1pPr>
          </a:lstStyle>
          <a:p>
            <a:pPr lvl="0"/>
            <a:r>
              <a:rPr lang="fr-CH" dirty="0" err="1"/>
              <a:t>Mastertextformat</a:t>
            </a:r>
            <a:r>
              <a:rPr lang="fr-CH" dirty="0"/>
              <a:t> </a:t>
            </a:r>
            <a:r>
              <a:rPr lang="fr-CH" dirty="0" err="1"/>
              <a:t>bearbeiten</a:t>
            </a:r>
            <a:endParaRPr lang="fr-CH" dirty="0"/>
          </a:p>
        </p:txBody>
      </p:sp>
      <p:sp>
        <p:nvSpPr>
          <p:cNvPr id="6" name="TextBox 5">
            <a:extLst>
              <a:ext uri="{FF2B5EF4-FFF2-40B4-BE49-F238E27FC236}">
                <a16:creationId xmlns:a16="http://schemas.microsoft.com/office/drawing/2014/main" id="{9238747E-2439-44A0-BB3B-68A6BFBEE965}"/>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8" name="Grafik 4">
            <a:extLst>
              <a:ext uri="{FF2B5EF4-FFF2-40B4-BE49-F238E27FC236}">
                <a16:creationId xmlns:a16="http://schemas.microsoft.com/office/drawing/2014/main" id="{B7D49E72-DAAC-4245-A33D-5E327B65CA18}"/>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11" name="Datumsplatzhalter 3">
            <a:extLst>
              <a:ext uri="{FF2B5EF4-FFF2-40B4-BE49-F238E27FC236}">
                <a16:creationId xmlns:a16="http://schemas.microsoft.com/office/drawing/2014/main" id="{FFE8BB2A-A62E-5110-3C11-975FC6928C83}"/>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4"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7D584DA4-6027-2BE9-4DDC-1B9B57135D95}"/>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
        <p:nvSpPr>
          <p:cNvPr id="10" name="Foliennummernplatzhalter 2">
            <a:extLst>
              <a:ext uri="{FF2B5EF4-FFF2-40B4-BE49-F238E27FC236}">
                <a16:creationId xmlns:a16="http://schemas.microsoft.com/office/drawing/2014/main" id="{0E80EE2A-D3E5-2C41-E978-5A8EA0DF6443}"/>
              </a:ext>
            </a:extLst>
          </p:cNvPr>
          <p:cNvSpPr>
            <a:spLocks noGrp="1"/>
          </p:cNvSpPr>
          <p:nvPr>
            <p:ph type="sldNum" sz="quarter" idx="16"/>
          </p:nvPr>
        </p:nvSpPr>
        <p:spPr>
          <a:xfrm>
            <a:off x="0" y="6858000"/>
            <a:ext cx="0" cy="0"/>
          </a:xfrm>
        </p:spPr>
        <p:txBody>
          <a:bodyPr/>
          <a:lstStyle>
            <a:lvl1pPr>
              <a:defRPr>
                <a:noFill/>
              </a:defRPr>
            </a:lvl1pPr>
          </a:lstStyle>
          <a:p>
            <a:endParaRPr lang="fr-CH" dirty="0"/>
          </a:p>
        </p:txBody>
      </p:sp>
    </p:spTree>
    <p:extLst>
      <p:ext uri="{BB962C8B-B14F-4D97-AF65-F5344CB8AC3E}">
        <p14:creationId xmlns:p14="http://schemas.microsoft.com/office/powerpoint/2010/main" val="2281526465"/>
      </p:ext>
    </p:extLst>
  </p:cSld>
  <p:clrMapOvr>
    <a:masterClrMapping/>
  </p:clrMapOvr>
  <p:hf hdr="0"/>
</p:sldLayout>
</file>

<file path=ppt/slideLayouts/slideLayout35.xml><?xml version="1.0" encoding="utf-8"?>
<p:sldLayout xmlns:a="http://schemas.openxmlformats.org/drawingml/2006/main" xmlns:r="http://schemas.openxmlformats.org/officeDocument/2006/relationships" xmlns:p="http://schemas.openxmlformats.org/presentationml/2006/main" matchingName="Marginalspalte rechts und zwei Inhalte akzentuiert" preserve="1" userDrawn="1">
  <p:cSld name="Marginalspalte rechts und zwei Inhalte akzentuiert">
    <p:spTree>
      <p:nvGrpSpPr>
        <p:cNvPr id="1" name=""/>
        <p:cNvGrpSpPr/>
        <p:nvPr/>
      </p:nvGrpSpPr>
      <p:grpSpPr>
        <a:xfrm>
          <a:off x="0" y="0"/>
          <a:ext cx="0" cy="0"/>
          <a:chOff x="0" y="0"/>
          <a:chExt cx="0" cy="0"/>
        </a:xfrm>
      </p:grpSpPr>
      <p:sp>
        <p:nvSpPr>
          <p:cNvPr id="14" name="Rectangle 10">
            <a:extLst>
              <a:ext uri="{FF2B5EF4-FFF2-40B4-BE49-F238E27FC236}">
                <a16:creationId xmlns:a16="http://schemas.microsoft.com/office/drawing/2014/main" id="{484258D9-55FF-45CF-B01A-E81D9CC7D2BA}"/>
              </a:ext>
            </a:extLst>
          </p:cNvPr>
          <p:cNvSpPr/>
          <p:nvPr userDrawn="1"/>
        </p:nvSpPr>
        <p:spPr>
          <a:xfrm>
            <a:off x="8400257" y="-429"/>
            <a:ext cx="378912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19" name="Title 1">
            <a:extLst>
              <a:ext uri="{FF2B5EF4-FFF2-40B4-BE49-F238E27FC236}">
                <a16:creationId xmlns:a16="http://schemas.microsoft.com/office/drawing/2014/main" id="{9971AAFF-580F-4852-94F4-C6F21B6C563D}"/>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21" name="Subtitle 2">
            <a:extLst>
              <a:ext uri="{FF2B5EF4-FFF2-40B4-BE49-F238E27FC236}">
                <a16:creationId xmlns:a16="http://schemas.microsoft.com/office/drawing/2014/main" id="{4FAB923C-AA0B-4DA0-8F18-132D60F62669}"/>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22" name="Foliennummernplatzhalter 2">
            <a:extLst>
              <a:ext uri="{FF2B5EF4-FFF2-40B4-BE49-F238E27FC236}">
                <a16:creationId xmlns:a16="http://schemas.microsoft.com/office/drawing/2014/main" id="{0255E5FC-CDCB-42FC-A077-91F9146EF795}"/>
              </a:ext>
            </a:extLst>
          </p:cNvPr>
          <p:cNvSpPr>
            <a:spLocks noGrp="1"/>
          </p:cNvSpPr>
          <p:nvPr>
            <p:ph type="sldNum" sz="quarter" idx="16"/>
          </p:nvPr>
        </p:nvSpPr>
        <p:spPr>
          <a:xfrm>
            <a:off x="14187" y="6857571"/>
            <a:ext cx="0" cy="0"/>
          </a:xfrm>
        </p:spPr>
        <p:txBody>
          <a:bodyPr/>
          <a:lstStyle>
            <a:lvl1pPr>
              <a:defRPr>
                <a:noFill/>
              </a:defRPr>
            </a:lvl1pPr>
          </a:lstStyle>
          <a:p>
            <a:endParaRPr lang="fr-CH" dirty="0"/>
          </a:p>
        </p:txBody>
      </p:sp>
      <p:sp>
        <p:nvSpPr>
          <p:cNvPr id="25" name="Textplatzhalter 7">
            <a:extLst>
              <a:ext uri="{FF2B5EF4-FFF2-40B4-BE49-F238E27FC236}">
                <a16:creationId xmlns:a16="http://schemas.microsoft.com/office/drawing/2014/main" id="{231F27FF-B9B3-4E34-948F-F5E3BE15B723}"/>
              </a:ext>
            </a:extLst>
          </p:cNvPr>
          <p:cNvSpPr>
            <a:spLocks noGrp="1"/>
          </p:cNvSpPr>
          <p:nvPr>
            <p:ph type="body" sz="quarter" idx="21" hasCustomPrompt="1"/>
          </p:nvPr>
        </p:nvSpPr>
        <p:spPr>
          <a:xfrm>
            <a:off x="341097" y="1125537"/>
            <a:ext cx="3600000" cy="790147"/>
          </a:xfrm>
        </p:spPr>
        <p:txBody>
          <a:bodyPr lIns="0" bIns="72000" anchor="b" anchorCtr="0"/>
          <a:lstStyle>
            <a:lvl1pPr marL="0" indent="0">
              <a:lnSpc>
                <a:spcPct val="100000"/>
              </a:lnSpc>
              <a:buNone/>
              <a:defRPr lang="de-DE" sz="10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Stichwort</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26" name="Textplatzhalter 7">
            <a:extLst>
              <a:ext uri="{FF2B5EF4-FFF2-40B4-BE49-F238E27FC236}">
                <a16:creationId xmlns:a16="http://schemas.microsoft.com/office/drawing/2014/main" id="{74E50DE5-73A6-41B4-B2C3-EA330A62B21F}"/>
              </a:ext>
            </a:extLst>
          </p:cNvPr>
          <p:cNvSpPr>
            <a:spLocks noGrp="1"/>
          </p:cNvSpPr>
          <p:nvPr>
            <p:ph type="body" sz="quarter" idx="22" hasCustomPrompt="1"/>
          </p:nvPr>
        </p:nvSpPr>
        <p:spPr>
          <a:xfrm>
            <a:off x="4150800" y="1125537"/>
            <a:ext cx="3600451" cy="790575"/>
          </a:xfrm>
        </p:spPr>
        <p:txBody>
          <a:bodyPr lIns="0" bIns="72000" anchor="b" anchorCtr="0"/>
          <a:lstStyle>
            <a:lvl1pPr marL="0" indent="0">
              <a:lnSpc>
                <a:spcPct val="100000"/>
              </a:lnSpc>
              <a:buNone/>
              <a:defRPr lang="de-DE" sz="10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Stichwort</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36" name="Content Placeholder 3">
            <a:extLst>
              <a:ext uri="{FF2B5EF4-FFF2-40B4-BE49-F238E27FC236}">
                <a16:creationId xmlns:a16="http://schemas.microsoft.com/office/drawing/2014/main" id="{5648C80F-26F4-4FBB-AB7D-6DBB8A431847}"/>
              </a:ext>
            </a:extLst>
          </p:cNvPr>
          <p:cNvSpPr>
            <a:spLocks noGrp="1"/>
          </p:cNvSpPr>
          <p:nvPr>
            <p:ph sz="half" idx="2"/>
          </p:nvPr>
        </p:nvSpPr>
        <p:spPr>
          <a:xfrm>
            <a:off x="341097" y="1916113"/>
            <a:ext cx="3600053" cy="3313087"/>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37" name="Content Placeholder 3">
            <a:extLst>
              <a:ext uri="{FF2B5EF4-FFF2-40B4-BE49-F238E27FC236}">
                <a16:creationId xmlns:a16="http://schemas.microsoft.com/office/drawing/2014/main" id="{EAF0B13A-1C46-48F0-B55A-7DCF74176BA7}"/>
              </a:ext>
            </a:extLst>
          </p:cNvPr>
          <p:cNvSpPr>
            <a:spLocks noGrp="1"/>
          </p:cNvSpPr>
          <p:nvPr>
            <p:ph sz="half" idx="24"/>
          </p:nvPr>
        </p:nvSpPr>
        <p:spPr>
          <a:xfrm>
            <a:off x="4150800" y="1915685"/>
            <a:ext cx="3600053" cy="3313087"/>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40" name="Content Placeholder 3">
            <a:extLst>
              <a:ext uri="{FF2B5EF4-FFF2-40B4-BE49-F238E27FC236}">
                <a16:creationId xmlns:a16="http://schemas.microsoft.com/office/drawing/2014/main" id="{C4A1A7D4-16FA-46F1-9765-D7671E5DD520}"/>
              </a:ext>
            </a:extLst>
          </p:cNvPr>
          <p:cNvSpPr>
            <a:spLocks noGrp="1"/>
          </p:cNvSpPr>
          <p:nvPr>
            <p:ph sz="half" idx="25"/>
          </p:nvPr>
        </p:nvSpPr>
        <p:spPr>
          <a:xfrm>
            <a:off x="8976320" y="1916113"/>
            <a:ext cx="2591793" cy="4023917"/>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3" name="TextBox 2">
            <a:extLst>
              <a:ext uri="{FF2B5EF4-FFF2-40B4-BE49-F238E27FC236}">
                <a16:creationId xmlns:a16="http://schemas.microsoft.com/office/drawing/2014/main" id="{F2B37389-47A3-481A-A44E-01067CACD20D}"/>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5" name="Textplatzhalter 19">
            <a:extLst>
              <a:ext uri="{FF2B5EF4-FFF2-40B4-BE49-F238E27FC236}">
                <a16:creationId xmlns:a16="http://schemas.microsoft.com/office/drawing/2014/main" id="{85C33027-67E7-484C-80E8-4FAAC8AFC251}"/>
              </a:ext>
            </a:extLst>
          </p:cNvPr>
          <p:cNvSpPr>
            <a:spLocks noGrp="1"/>
          </p:cNvSpPr>
          <p:nvPr>
            <p:ph type="body" sz="quarter" idx="23" hasCustomPrompt="1"/>
          </p:nvPr>
        </p:nvSpPr>
        <p:spPr>
          <a:xfrm>
            <a:off x="334962" y="5300663"/>
            <a:ext cx="5545137" cy="649287"/>
          </a:xfrm>
        </p:spPr>
        <p:txBody>
          <a:bodyPr bIns="108000" anchor="b" anchorCtr="0"/>
          <a:lstStyle>
            <a:lvl1pPr marL="0" indent="0">
              <a:lnSpc>
                <a:spcPct val="122000"/>
              </a:lnSpc>
              <a:spcBef>
                <a:spcPts val="0"/>
              </a:spcBef>
              <a:buFont typeface="Arial" panose="020B0604020202020204" pitchFamily="34" charset="0"/>
              <a:buNone/>
              <a:defRPr sz="1400">
                <a:solidFill>
                  <a:schemeClr val="tx2"/>
                </a:solidFill>
              </a:defRPr>
            </a:lvl1pPr>
            <a:lvl2pPr marL="230400" indent="0">
              <a:buFont typeface="Arial" panose="020B0604020202020204" pitchFamily="34" charset="0"/>
              <a:buNone/>
              <a:defRPr sz="1400">
                <a:solidFill>
                  <a:schemeClr val="tx2"/>
                </a:solidFill>
              </a:defRPr>
            </a:lvl2pPr>
            <a:lvl3pPr marL="462600" indent="0">
              <a:buFont typeface="Arial" panose="020B0604020202020204" pitchFamily="34" charset="0"/>
              <a:buNone/>
              <a:defRPr sz="1400">
                <a:solidFill>
                  <a:schemeClr val="tx2"/>
                </a:solidFill>
              </a:defRPr>
            </a:lvl3pPr>
            <a:lvl4pPr marL="693000" indent="0">
              <a:buFont typeface="Arial" panose="020B0604020202020204" pitchFamily="34" charset="0"/>
              <a:buNone/>
              <a:defRPr sz="1400">
                <a:solidFill>
                  <a:schemeClr val="tx2"/>
                </a:solidFill>
              </a:defRPr>
            </a:lvl4pPr>
            <a:lvl5pPr marL="923400" indent="0">
              <a:buFont typeface="Arial" panose="020B0604020202020204" pitchFamily="34" charset="0"/>
              <a:buNone/>
              <a:defRPr sz="1400">
                <a:solidFill>
                  <a:schemeClr val="tx2"/>
                </a:solidFill>
              </a:defRPr>
            </a:lvl5pPr>
          </a:lstStyle>
          <a:p>
            <a:pPr lvl="0"/>
            <a:r>
              <a:rPr lang="fr-CH" dirty="0" err="1"/>
              <a:t>Hinweis</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2" name="Grafik 4">
            <a:extLst>
              <a:ext uri="{FF2B5EF4-FFF2-40B4-BE49-F238E27FC236}">
                <a16:creationId xmlns:a16="http://schemas.microsoft.com/office/drawing/2014/main" id="{6E09055A-4C84-4428-B45F-F4986CFB91EF}"/>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8" name="Datumsplatzhalter 3">
            <a:extLst>
              <a:ext uri="{FF2B5EF4-FFF2-40B4-BE49-F238E27FC236}">
                <a16:creationId xmlns:a16="http://schemas.microsoft.com/office/drawing/2014/main" id="{48E0FA20-AE3D-0C35-2CC9-991D6FAD6CE3}"/>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7"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5CDCC432-2434-E684-84F4-AB70377BFB41}"/>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Tree>
    <p:extLst>
      <p:ext uri="{BB962C8B-B14F-4D97-AF65-F5344CB8AC3E}">
        <p14:creationId xmlns:p14="http://schemas.microsoft.com/office/powerpoint/2010/main" val="2963437550"/>
      </p:ext>
    </p:extLst>
  </p:cSld>
  <p:clrMapOvr>
    <a:masterClrMapping/>
  </p:clrMapOvr>
  <p:hf hdr="0"/>
</p:sldLayout>
</file>

<file path=ppt/slideLayouts/slideLayout36.xml><?xml version="1.0" encoding="utf-8"?>
<p:sldLayout xmlns:a="http://schemas.openxmlformats.org/drawingml/2006/main" xmlns:r="http://schemas.openxmlformats.org/officeDocument/2006/relationships" xmlns:p="http://schemas.openxmlformats.org/presentationml/2006/main" matchingName="Marginalspalte rechts und zwei Inhalte grau" preserve="1" userDrawn="1">
  <p:cSld name="Marginalspalte rechts und zwei Inhalte grau">
    <p:spTree>
      <p:nvGrpSpPr>
        <p:cNvPr id="1" name=""/>
        <p:cNvGrpSpPr/>
        <p:nvPr/>
      </p:nvGrpSpPr>
      <p:grpSpPr>
        <a:xfrm>
          <a:off x="0" y="0"/>
          <a:ext cx="0" cy="0"/>
          <a:chOff x="0" y="0"/>
          <a:chExt cx="0" cy="0"/>
        </a:xfrm>
      </p:grpSpPr>
      <p:sp>
        <p:nvSpPr>
          <p:cNvPr id="14" name="Rectangle 10">
            <a:extLst>
              <a:ext uri="{FF2B5EF4-FFF2-40B4-BE49-F238E27FC236}">
                <a16:creationId xmlns:a16="http://schemas.microsoft.com/office/drawing/2014/main" id="{484258D9-55FF-45CF-B01A-E81D9CC7D2BA}"/>
              </a:ext>
            </a:extLst>
          </p:cNvPr>
          <p:cNvSpPr/>
          <p:nvPr userDrawn="1"/>
        </p:nvSpPr>
        <p:spPr>
          <a:xfrm>
            <a:off x="8400257" y="-429"/>
            <a:ext cx="3789120" cy="6858000"/>
          </a:xfrm>
          <a:prstGeom prst="rect">
            <a:avLst/>
          </a:prstGeom>
          <a:solidFill>
            <a:srgbClr val="F0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19" name="Title 1">
            <a:extLst>
              <a:ext uri="{FF2B5EF4-FFF2-40B4-BE49-F238E27FC236}">
                <a16:creationId xmlns:a16="http://schemas.microsoft.com/office/drawing/2014/main" id="{9971AAFF-580F-4852-94F4-C6F21B6C563D}"/>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21" name="Subtitle 2">
            <a:extLst>
              <a:ext uri="{FF2B5EF4-FFF2-40B4-BE49-F238E27FC236}">
                <a16:creationId xmlns:a16="http://schemas.microsoft.com/office/drawing/2014/main" id="{4FAB923C-AA0B-4DA0-8F18-132D60F62669}"/>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22" name="Foliennummernplatzhalter 2">
            <a:extLst>
              <a:ext uri="{FF2B5EF4-FFF2-40B4-BE49-F238E27FC236}">
                <a16:creationId xmlns:a16="http://schemas.microsoft.com/office/drawing/2014/main" id="{0255E5FC-CDCB-42FC-A077-91F9146EF795}"/>
              </a:ext>
            </a:extLst>
          </p:cNvPr>
          <p:cNvSpPr>
            <a:spLocks noGrp="1"/>
          </p:cNvSpPr>
          <p:nvPr>
            <p:ph type="sldNum" sz="quarter" idx="16"/>
          </p:nvPr>
        </p:nvSpPr>
        <p:spPr>
          <a:xfrm>
            <a:off x="14187" y="6857571"/>
            <a:ext cx="0" cy="0"/>
          </a:xfrm>
        </p:spPr>
        <p:txBody>
          <a:bodyPr/>
          <a:lstStyle>
            <a:lvl1pPr>
              <a:defRPr>
                <a:noFill/>
              </a:defRPr>
            </a:lvl1pPr>
          </a:lstStyle>
          <a:p>
            <a:endParaRPr lang="fr-CH" dirty="0"/>
          </a:p>
        </p:txBody>
      </p:sp>
      <p:sp>
        <p:nvSpPr>
          <p:cNvPr id="25" name="Textplatzhalter 7">
            <a:extLst>
              <a:ext uri="{FF2B5EF4-FFF2-40B4-BE49-F238E27FC236}">
                <a16:creationId xmlns:a16="http://schemas.microsoft.com/office/drawing/2014/main" id="{231F27FF-B9B3-4E34-948F-F5E3BE15B723}"/>
              </a:ext>
            </a:extLst>
          </p:cNvPr>
          <p:cNvSpPr>
            <a:spLocks noGrp="1"/>
          </p:cNvSpPr>
          <p:nvPr>
            <p:ph type="body" sz="quarter" idx="21" hasCustomPrompt="1"/>
          </p:nvPr>
        </p:nvSpPr>
        <p:spPr>
          <a:xfrm>
            <a:off x="341097" y="1125537"/>
            <a:ext cx="3600000" cy="790147"/>
          </a:xfrm>
        </p:spPr>
        <p:txBody>
          <a:bodyPr lIns="0" bIns="72000" anchor="b" anchorCtr="0"/>
          <a:lstStyle>
            <a:lvl1pPr marL="0" indent="0">
              <a:lnSpc>
                <a:spcPct val="100000"/>
              </a:lnSpc>
              <a:buNone/>
              <a:defRPr lang="de-DE" sz="10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Stichwort</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26" name="Textplatzhalter 7">
            <a:extLst>
              <a:ext uri="{FF2B5EF4-FFF2-40B4-BE49-F238E27FC236}">
                <a16:creationId xmlns:a16="http://schemas.microsoft.com/office/drawing/2014/main" id="{74E50DE5-73A6-41B4-B2C3-EA330A62B21F}"/>
              </a:ext>
            </a:extLst>
          </p:cNvPr>
          <p:cNvSpPr>
            <a:spLocks noGrp="1"/>
          </p:cNvSpPr>
          <p:nvPr>
            <p:ph type="body" sz="quarter" idx="22" hasCustomPrompt="1"/>
          </p:nvPr>
        </p:nvSpPr>
        <p:spPr>
          <a:xfrm>
            <a:off x="4150800" y="1125537"/>
            <a:ext cx="3600451" cy="790575"/>
          </a:xfrm>
        </p:spPr>
        <p:txBody>
          <a:bodyPr lIns="0" bIns="72000" anchor="b" anchorCtr="0"/>
          <a:lstStyle>
            <a:lvl1pPr marL="0" indent="0">
              <a:lnSpc>
                <a:spcPct val="100000"/>
              </a:lnSpc>
              <a:buNone/>
              <a:defRPr lang="de-DE" sz="10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Stichwort</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36" name="Content Placeholder 3">
            <a:extLst>
              <a:ext uri="{FF2B5EF4-FFF2-40B4-BE49-F238E27FC236}">
                <a16:creationId xmlns:a16="http://schemas.microsoft.com/office/drawing/2014/main" id="{5648C80F-26F4-4FBB-AB7D-6DBB8A431847}"/>
              </a:ext>
            </a:extLst>
          </p:cNvPr>
          <p:cNvSpPr>
            <a:spLocks noGrp="1"/>
          </p:cNvSpPr>
          <p:nvPr>
            <p:ph sz="half" idx="2"/>
          </p:nvPr>
        </p:nvSpPr>
        <p:spPr>
          <a:xfrm>
            <a:off x="341097" y="1916113"/>
            <a:ext cx="3600053" cy="3313087"/>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37" name="Content Placeholder 3">
            <a:extLst>
              <a:ext uri="{FF2B5EF4-FFF2-40B4-BE49-F238E27FC236}">
                <a16:creationId xmlns:a16="http://schemas.microsoft.com/office/drawing/2014/main" id="{EAF0B13A-1C46-48F0-B55A-7DCF74176BA7}"/>
              </a:ext>
            </a:extLst>
          </p:cNvPr>
          <p:cNvSpPr>
            <a:spLocks noGrp="1"/>
          </p:cNvSpPr>
          <p:nvPr>
            <p:ph sz="half" idx="24"/>
          </p:nvPr>
        </p:nvSpPr>
        <p:spPr>
          <a:xfrm>
            <a:off x="4150800" y="1915685"/>
            <a:ext cx="3600053" cy="3313087"/>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40" name="Content Placeholder 3">
            <a:extLst>
              <a:ext uri="{FF2B5EF4-FFF2-40B4-BE49-F238E27FC236}">
                <a16:creationId xmlns:a16="http://schemas.microsoft.com/office/drawing/2014/main" id="{C4A1A7D4-16FA-46F1-9765-D7671E5DD520}"/>
              </a:ext>
            </a:extLst>
          </p:cNvPr>
          <p:cNvSpPr>
            <a:spLocks noGrp="1"/>
          </p:cNvSpPr>
          <p:nvPr>
            <p:ph sz="half" idx="25"/>
          </p:nvPr>
        </p:nvSpPr>
        <p:spPr>
          <a:xfrm>
            <a:off x="8976320" y="1916113"/>
            <a:ext cx="2591793" cy="4023917"/>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3" name="TextBox 2">
            <a:extLst>
              <a:ext uri="{FF2B5EF4-FFF2-40B4-BE49-F238E27FC236}">
                <a16:creationId xmlns:a16="http://schemas.microsoft.com/office/drawing/2014/main" id="{F2B37389-47A3-481A-A44E-01067CACD20D}"/>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5" name="Textplatzhalter 19">
            <a:extLst>
              <a:ext uri="{FF2B5EF4-FFF2-40B4-BE49-F238E27FC236}">
                <a16:creationId xmlns:a16="http://schemas.microsoft.com/office/drawing/2014/main" id="{85C33027-67E7-484C-80E8-4FAAC8AFC251}"/>
              </a:ext>
            </a:extLst>
          </p:cNvPr>
          <p:cNvSpPr>
            <a:spLocks noGrp="1"/>
          </p:cNvSpPr>
          <p:nvPr>
            <p:ph type="body" sz="quarter" idx="23" hasCustomPrompt="1"/>
          </p:nvPr>
        </p:nvSpPr>
        <p:spPr>
          <a:xfrm>
            <a:off x="334962" y="5300663"/>
            <a:ext cx="5545137" cy="649287"/>
          </a:xfrm>
        </p:spPr>
        <p:txBody>
          <a:bodyPr bIns="108000" anchor="b" anchorCtr="0"/>
          <a:lstStyle>
            <a:lvl1pPr marL="0" indent="0">
              <a:lnSpc>
                <a:spcPct val="122000"/>
              </a:lnSpc>
              <a:spcBef>
                <a:spcPts val="0"/>
              </a:spcBef>
              <a:buFont typeface="Arial" panose="020B0604020202020204" pitchFamily="34" charset="0"/>
              <a:buNone/>
              <a:defRPr sz="1400">
                <a:solidFill>
                  <a:schemeClr val="tx2"/>
                </a:solidFill>
              </a:defRPr>
            </a:lvl1pPr>
            <a:lvl2pPr marL="230400" indent="0">
              <a:buFont typeface="Arial" panose="020B0604020202020204" pitchFamily="34" charset="0"/>
              <a:buNone/>
              <a:defRPr sz="1400">
                <a:solidFill>
                  <a:schemeClr val="tx2"/>
                </a:solidFill>
              </a:defRPr>
            </a:lvl2pPr>
            <a:lvl3pPr marL="462600" indent="0">
              <a:buFont typeface="Arial" panose="020B0604020202020204" pitchFamily="34" charset="0"/>
              <a:buNone/>
              <a:defRPr sz="1400">
                <a:solidFill>
                  <a:schemeClr val="tx2"/>
                </a:solidFill>
              </a:defRPr>
            </a:lvl3pPr>
            <a:lvl4pPr marL="693000" indent="0">
              <a:buFont typeface="Arial" panose="020B0604020202020204" pitchFamily="34" charset="0"/>
              <a:buNone/>
              <a:defRPr sz="1400">
                <a:solidFill>
                  <a:schemeClr val="tx2"/>
                </a:solidFill>
              </a:defRPr>
            </a:lvl4pPr>
            <a:lvl5pPr marL="923400" indent="0">
              <a:buFont typeface="Arial" panose="020B0604020202020204" pitchFamily="34" charset="0"/>
              <a:buNone/>
              <a:defRPr sz="1400">
                <a:solidFill>
                  <a:schemeClr val="tx2"/>
                </a:solidFill>
              </a:defRPr>
            </a:lvl5pPr>
          </a:lstStyle>
          <a:p>
            <a:pPr lvl="0"/>
            <a:r>
              <a:rPr lang="fr-CH" dirty="0" err="1"/>
              <a:t>Hinweis</a:t>
            </a:r>
            <a:r>
              <a:rPr lang="fr-CH" dirty="0"/>
              <a:t> </a:t>
            </a:r>
            <a:r>
              <a:rPr lang="fr-CH" dirty="0" err="1"/>
              <a:t>durch</a:t>
            </a:r>
            <a:r>
              <a:rPr lang="fr-CH" dirty="0"/>
              <a:t> </a:t>
            </a:r>
            <a:r>
              <a:rPr lang="fr-CH" dirty="0" err="1"/>
              <a:t>Klicken</a:t>
            </a:r>
            <a:r>
              <a:rPr lang="fr-CH" dirty="0"/>
              <a:t> </a:t>
            </a:r>
            <a:r>
              <a:rPr lang="fr-CH" dirty="0" err="1"/>
              <a:t>einfügen</a:t>
            </a:r>
            <a:endParaRPr lang="fr-CH" dirty="0"/>
          </a:p>
        </p:txBody>
      </p:sp>
      <p:sp>
        <p:nvSpPr>
          <p:cNvPr id="2" name="Grafik 4">
            <a:extLst>
              <a:ext uri="{FF2B5EF4-FFF2-40B4-BE49-F238E27FC236}">
                <a16:creationId xmlns:a16="http://schemas.microsoft.com/office/drawing/2014/main" id="{72B867CC-90ED-4A07-A56A-52A42F3F20FC}"/>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8" name="Datumsplatzhalter 3">
            <a:extLst>
              <a:ext uri="{FF2B5EF4-FFF2-40B4-BE49-F238E27FC236}">
                <a16:creationId xmlns:a16="http://schemas.microsoft.com/office/drawing/2014/main" id="{7A978906-F398-C75A-5F52-217DB5B7177A}"/>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6"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DD0B12B3-E15F-61D2-B4A5-A5FFB966E060}"/>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Tree>
    <p:extLst>
      <p:ext uri="{BB962C8B-B14F-4D97-AF65-F5344CB8AC3E}">
        <p14:creationId xmlns:p14="http://schemas.microsoft.com/office/powerpoint/2010/main" val="680856757"/>
      </p:ext>
    </p:extLst>
  </p:cSld>
  <p:clrMapOvr>
    <a:masterClrMapping/>
  </p:clrMapOvr>
  <p:hf hdr="0"/>
</p:sldLayout>
</file>

<file path=ppt/slideLayouts/slideLayout37.xml><?xml version="1.0" encoding="utf-8"?>
<p:sldLayout xmlns:a="http://schemas.openxmlformats.org/drawingml/2006/main" xmlns:r="http://schemas.openxmlformats.org/officeDocument/2006/relationships" xmlns:p="http://schemas.openxmlformats.org/presentationml/2006/main" matchingName="Produktfolie akzentuiert" preserve="1" userDrawn="1">
  <p:cSld name="Produktfolie akzentuiert">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1" y="-429"/>
            <a:ext cx="7392144"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334963" y="3501008"/>
            <a:ext cx="4824412" cy="2448942"/>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p:nvPr>
        </p:nvSpPr>
        <p:spPr>
          <a:xfrm>
            <a:off x="334963" y="1125540"/>
            <a:ext cx="4824412" cy="307777"/>
          </a:xfrm>
        </p:spPr>
        <p:txBody>
          <a:bodyPr>
            <a:spAutoFit/>
          </a:bodyPr>
          <a:lstStyle>
            <a:lvl1pPr marL="0" indent="0">
              <a:lnSpc>
                <a:spcPct val="100000"/>
              </a:lnSpc>
              <a:buNone/>
              <a:defRPr sz="2000"/>
            </a:lvl1pPr>
          </a:lstStyle>
          <a:p>
            <a:pPr lvl="0"/>
            <a:r>
              <a:rPr lang="fr-CH" dirty="0" err="1"/>
              <a:t>Mastertextformat</a:t>
            </a:r>
            <a:r>
              <a:rPr lang="fr-CH" dirty="0"/>
              <a:t> </a:t>
            </a:r>
            <a:r>
              <a:rPr lang="fr-CH" dirty="0" err="1"/>
              <a:t>bearbeiten</a:t>
            </a:r>
            <a:endParaRPr lang="fr-CH" dirty="0"/>
          </a:p>
        </p:txBody>
      </p:sp>
      <p:sp>
        <p:nvSpPr>
          <p:cNvPr id="3" name="Foliennummernplatzhalter 2">
            <a:extLst>
              <a:ext uri="{FF2B5EF4-FFF2-40B4-BE49-F238E27FC236}">
                <a16:creationId xmlns:a16="http://schemas.microsoft.com/office/drawing/2014/main" id="{CC0284A9-ADFF-4601-81D5-41166BAA0039}"/>
              </a:ext>
            </a:extLst>
          </p:cNvPr>
          <p:cNvSpPr>
            <a:spLocks noGrp="1"/>
          </p:cNvSpPr>
          <p:nvPr>
            <p:ph type="sldNum" sz="quarter" idx="19"/>
          </p:nvPr>
        </p:nvSpPr>
        <p:spPr/>
        <p:txBody>
          <a:bodyPr/>
          <a:lstStyle/>
          <a:p>
            <a:fld id="{6E27A650-86D4-48E7-B22A-ECB53925ADDB}" type="slidenum">
              <a:rPr lang="fr-CH" smtClean="0"/>
              <a:pPr/>
              <a:t>‹N°›</a:t>
            </a:fld>
            <a:endParaRPr lang="fr-CH" dirty="0"/>
          </a:p>
        </p:txBody>
      </p:sp>
      <p:sp>
        <p:nvSpPr>
          <p:cNvPr id="6" name="TextBox 5">
            <a:extLst>
              <a:ext uri="{FF2B5EF4-FFF2-40B4-BE49-F238E27FC236}">
                <a16:creationId xmlns:a16="http://schemas.microsoft.com/office/drawing/2014/main" id="{E21AD7ED-112D-4938-9BAF-F4C5E271527A}"/>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12" name="Datumsplatzhalter 4">
            <a:extLst>
              <a:ext uri="{FF2B5EF4-FFF2-40B4-BE49-F238E27FC236}">
                <a16:creationId xmlns:a16="http://schemas.microsoft.com/office/drawing/2014/main" id="{751565BD-3332-EA5B-0EC7-E9B0209D4B5D}"/>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5" name="Date dynamic" descr="{&quot;templafy&quot;:{&quot;id&quot;:&quot;69628577-3220-43ed-be5a-89c670dec690&quot;}}">
            <a:extLst>
              <a:ext uri="{FF2B5EF4-FFF2-40B4-BE49-F238E27FC236}">
                <a16:creationId xmlns:a16="http://schemas.microsoft.com/office/drawing/2014/main" id="{B2C00102-634B-8CDD-1B1D-E618CA9737F0}"/>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8" name="Confidentiality dynamic" descr="{&quot;templafy&quot;:{&quot;id&quot;:&quot;d7f41980-c5b6-40a7-8d87-9a5ce7790472&quot;}}">
            <a:extLst>
              <a:ext uri="{FF2B5EF4-FFF2-40B4-BE49-F238E27FC236}">
                <a16:creationId xmlns:a16="http://schemas.microsoft.com/office/drawing/2014/main" id="{1627B8D6-C231-2B1C-4BFF-34D26CE4833B}"/>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3253700487"/>
      </p:ext>
    </p:extLst>
  </p:cSld>
  <p:clrMapOvr>
    <a:masterClrMapping/>
  </p:clrMapOvr>
  <p:hf hdr="0"/>
</p:sldLayout>
</file>

<file path=ppt/slideLayouts/slideLayout38.xml><?xml version="1.0" encoding="utf-8"?>
<p:sldLayout xmlns:a="http://schemas.openxmlformats.org/drawingml/2006/main" xmlns:r="http://schemas.openxmlformats.org/officeDocument/2006/relationships" xmlns:p="http://schemas.openxmlformats.org/presentationml/2006/main" matchingName="Produktfolie grau" preserve="1" userDrawn="1">
  <p:cSld name="Produktfolie grau">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65481E65-4692-46FE-87C4-411AC8598049}"/>
              </a:ext>
            </a:extLst>
          </p:cNvPr>
          <p:cNvSpPr/>
          <p:nvPr userDrawn="1"/>
        </p:nvSpPr>
        <p:spPr>
          <a:xfrm>
            <a:off x="-1" y="-429"/>
            <a:ext cx="7392144" cy="6858000"/>
          </a:xfrm>
          <a:prstGeom prst="rect">
            <a:avLst/>
          </a:prstGeom>
          <a:solidFill>
            <a:srgbClr val="F0F0F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solidFill>
                <a:srgbClr val="F0F0F0"/>
              </a:solidFill>
            </a:endParaRPr>
          </a:p>
        </p:txBody>
      </p:sp>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334963" y="1916113"/>
            <a:ext cx="4824412" cy="4033837"/>
          </a:xfrm>
        </p:spPr>
        <p:txBody>
          <a:bodyPr/>
          <a:lstStyle>
            <a:lvl1pPr>
              <a:spcBef>
                <a:spcPts val="400"/>
              </a:spcBef>
              <a:defRPr/>
            </a:lvl1pPr>
            <a:lvl2pPr>
              <a:spcBef>
                <a:spcPts val="400"/>
              </a:spcBef>
              <a:defRPr/>
            </a:lvl2pPr>
            <a:lvl3pPr>
              <a:spcBef>
                <a:spcPts val="400"/>
              </a:spcBef>
              <a:defRPr/>
            </a:lvl3pPr>
            <a:lvl4pPr>
              <a:spcBef>
                <a:spcPts val="400"/>
              </a:spcBef>
              <a:defRPr/>
            </a:lvl4pPr>
            <a:lvl5pPr>
              <a:spcBef>
                <a:spcPts val="400"/>
              </a:spcBef>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3" name="Text Placeholder 12">
            <a:extLst>
              <a:ext uri="{FF2B5EF4-FFF2-40B4-BE49-F238E27FC236}">
                <a16:creationId xmlns:a16="http://schemas.microsoft.com/office/drawing/2014/main" id="{3D3E6F14-847D-4098-958C-FD6E997F0C59}"/>
              </a:ext>
            </a:extLst>
          </p:cNvPr>
          <p:cNvSpPr>
            <a:spLocks noGrp="1"/>
          </p:cNvSpPr>
          <p:nvPr>
            <p:ph type="body" sz="quarter" idx="15"/>
          </p:nvPr>
        </p:nvSpPr>
        <p:spPr>
          <a:xfrm>
            <a:off x="334963" y="1125540"/>
            <a:ext cx="4824412" cy="790574"/>
          </a:xfrm>
        </p:spPr>
        <p:txBody>
          <a:bodyPr/>
          <a:lstStyle>
            <a:lvl1pPr marL="0" indent="0">
              <a:lnSpc>
                <a:spcPct val="100000"/>
              </a:lnSpc>
              <a:buNone/>
              <a:defRPr sz="2000"/>
            </a:lvl1pPr>
          </a:lstStyle>
          <a:p>
            <a:pPr lvl="0"/>
            <a:r>
              <a:rPr lang="fr-CH" dirty="0" err="1"/>
              <a:t>Mastertextformat</a:t>
            </a:r>
            <a:r>
              <a:rPr lang="fr-CH" dirty="0"/>
              <a:t> </a:t>
            </a:r>
            <a:r>
              <a:rPr lang="fr-CH" dirty="0" err="1"/>
              <a:t>bearbeiten</a:t>
            </a:r>
            <a:endParaRPr lang="fr-CH" dirty="0"/>
          </a:p>
        </p:txBody>
      </p:sp>
      <p:sp>
        <p:nvSpPr>
          <p:cNvPr id="3" name="Foliennummernplatzhalter 2">
            <a:extLst>
              <a:ext uri="{FF2B5EF4-FFF2-40B4-BE49-F238E27FC236}">
                <a16:creationId xmlns:a16="http://schemas.microsoft.com/office/drawing/2014/main" id="{CC0284A9-ADFF-4601-81D5-41166BAA0039}"/>
              </a:ext>
            </a:extLst>
          </p:cNvPr>
          <p:cNvSpPr>
            <a:spLocks noGrp="1"/>
          </p:cNvSpPr>
          <p:nvPr>
            <p:ph type="sldNum" sz="quarter" idx="19"/>
          </p:nvPr>
        </p:nvSpPr>
        <p:spPr/>
        <p:txBody>
          <a:bodyPr/>
          <a:lstStyle/>
          <a:p>
            <a:fld id="{45543913-B0AC-4D6A-80DE-80CBD776EF0E}" type="slidenum">
              <a:rPr lang="fr-CH" smtClean="0"/>
              <a:pPr/>
              <a:t>‹N°›</a:t>
            </a:fld>
            <a:endParaRPr lang="fr-CH" dirty="0"/>
          </a:p>
        </p:txBody>
      </p:sp>
      <p:sp>
        <p:nvSpPr>
          <p:cNvPr id="7" name="TextBox 6">
            <a:extLst>
              <a:ext uri="{FF2B5EF4-FFF2-40B4-BE49-F238E27FC236}">
                <a16:creationId xmlns:a16="http://schemas.microsoft.com/office/drawing/2014/main" id="{E84365C9-D5CB-46D9-B804-B415AA5204DC}"/>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12" name="Datumsplatzhalter 4">
            <a:extLst>
              <a:ext uri="{FF2B5EF4-FFF2-40B4-BE49-F238E27FC236}">
                <a16:creationId xmlns:a16="http://schemas.microsoft.com/office/drawing/2014/main" id="{80B85D08-B56D-146A-4CB7-DDCDB261EBAF}"/>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5" name="Date dynamic" descr="{&quot;templafy&quot;:{&quot;id&quot;:&quot;7908367d-2d7e-4daa-a30e-68e491add884&quot;}}">
            <a:extLst>
              <a:ext uri="{FF2B5EF4-FFF2-40B4-BE49-F238E27FC236}">
                <a16:creationId xmlns:a16="http://schemas.microsoft.com/office/drawing/2014/main" id="{1B2C784A-0DEC-E2F3-01A1-815C72046594}"/>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6" name="Confidentiality dynamic" descr="{&quot;templafy&quot;:{&quot;id&quot;:&quot;637323f1-885d-40bf-8683-167c19e1cbb5&quot;}}">
            <a:extLst>
              <a:ext uri="{FF2B5EF4-FFF2-40B4-BE49-F238E27FC236}">
                <a16:creationId xmlns:a16="http://schemas.microsoft.com/office/drawing/2014/main" id="{4822F3D2-D85C-0839-580F-E4B5D95AC757}"/>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2645548706"/>
      </p:ext>
    </p:extLst>
  </p:cSld>
  <p:clrMapOvr>
    <a:masterClrMapping/>
  </p:clrMapOvr>
  <p:hf hdr="0"/>
</p:sldLayout>
</file>

<file path=ppt/slideLayouts/slideLayout39.xml><?xml version="1.0" encoding="utf-8"?>
<p:sldLayout xmlns:a="http://schemas.openxmlformats.org/drawingml/2006/main" xmlns:r="http://schemas.openxmlformats.org/officeDocument/2006/relationships" xmlns:p="http://schemas.openxmlformats.org/presentationml/2006/main" matchingName="Reference Case" preserve="1" userDrawn="1">
  <p:cSld name="Reference Cas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3" name="Foliennummernplatzhalter 2">
            <a:extLst>
              <a:ext uri="{FF2B5EF4-FFF2-40B4-BE49-F238E27FC236}">
                <a16:creationId xmlns:a16="http://schemas.microsoft.com/office/drawing/2014/main" id="{934CC874-8A4D-4D34-997E-5FD2AC5F2953}"/>
              </a:ext>
            </a:extLst>
          </p:cNvPr>
          <p:cNvSpPr>
            <a:spLocks noGrp="1"/>
          </p:cNvSpPr>
          <p:nvPr>
            <p:ph type="sldNum" sz="quarter" idx="15"/>
          </p:nvPr>
        </p:nvSpPr>
        <p:spPr/>
        <p:txBody>
          <a:bodyPr/>
          <a:lstStyle/>
          <a:p>
            <a:fld id="{5F784F2A-3E3D-4F10-A16F-B463170C4038}" type="slidenum">
              <a:rPr lang="fr-CH" smtClean="0"/>
              <a:pPr/>
              <a:t>‹N°›</a:t>
            </a:fld>
            <a:endParaRPr lang="fr-CH" dirty="0"/>
          </a:p>
        </p:txBody>
      </p:sp>
      <p:sp>
        <p:nvSpPr>
          <p:cNvPr id="15" name="Text Placeholder 10">
            <a:extLst>
              <a:ext uri="{FF2B5EF4-FFF2-40B4-BE49-F238E27FC236}">
                <a16:creationId xmlns:a16="http://schemas.microsoft.com/office/drawing/2014/main" id="{6CE47F74-7E4C-4506-83F1-CE06AF4C91F4}"/>
              </a:ext>
            </a:extLst>
          </p:cNvPr>
          <p:cNvSpPr>
            <a:spLocks noGrp="1"/>
          </p:cNvSpPr>
          <p:nvPr>
            <p:ph type="body" sz="quarter" idx="19" hasCustomPrompt="1"/>
          </p:nvPr>
        </p:nvSpPr>
        <p:spPr>
          <a:xfrm>
            <a:off x="334963" y="1916113"/>
            <a:ext cx="3600349" cy="648791"/>
          </a:xfrm>
        </p:spPr>
        <p:txBody>
          <a:bodyPr/>
          <a:lstStyle>
            <a:lvl1pPr marL="0" indent="0">
              <a:lnSpc>
                <a:spcPct val="100000"/>
              </a:lnSpc>
              <a:buNone/>
              <a:defRPr sz="2000"/>
            </a:lvl1pPr>
          </a:lstStyle>
          <a:p>
            <a:pPr lvl="0"/>
            <a:r>
              <a:rPr lang="fr-CH" dirty="0"/>
              <a:t>Lead </a:t>
            </a:r>
            <a:r>
              <a:rPr lang="fr-CH" dirty="0" err="1"/>
              <a:t>Text</a:t>
            </a:r>
            <a:endParaRPr lang="fr-CH" dirty="0"/>
          </a:p>
        </p:txBody>
      </p:sp>
      <p:sp>
        <p:nvSpPr>
          <p:cNvPr id="16" name="Textplatzhalter 7">
            <a:extLst>
              <a:ext uri="{FF2B5EF4-FFF2-40B4-BE49-F238E27FC236}">
                <a16:creationId xmlns:a16="http://schemas.microsoft.com/office/drawing/2014/main" id="{6F99C7A5-7D11-41C0-8762-AE3B56BC73A3}"/>
              </a:ext>
            </a:extLst>
          </p:cNvPr>
          <p:cNvSpPr>
            <a:spLocks noGrp="1"/>
          </p:cNvSpPr>
          <p:nvPr>
            <p:ph type="body" sz="quarter" idx="21"/>
          </p:nvPr>
        </p:nvSpPr>
        <p:spPr>
          <a:xfrm>
            <a:off x="341097" y="1518337"/>
            <a:ext cx="3600000" cy="397347"/>
          </a:xfrm>
        </p:spPr>
        <p:txBody>
          <a:bodyPr lIns="0" bIns="72000" anchor="b" anchorCtr="0"/>
          <a:lstStyle>
            <a:lvl1pPr marL="0" indent="0">
              <a:lnSpc>
                <a:spcPct val="100000"/>
              </a:lnSpc>
              <a:buNone/>
              <a:defRPr lang="de-DE" sz="10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17" name="Bildplatzhalter 16">
            <a:extLst>
              <a:ext uri="{FF2B5EF4-FFF2-40B4-BE49-F238E27FC236}">
                <a16:creationId xmlns:a16="http://schemas.microsoft.com/office/drawing/2014/main" id="{CFE66490-1607-46BA-B6AA-9EB39F300420}"/>
              </a:ext>
            </a:extLst>
          </p:cNvPr>
          <p:cNvSpPr>
            <a:spLocks noGrp="1"/>
          </p:cNvSpPr>
          <p:nvPr>
            <p:ph type="pic" sz="quarter" idx="22" hasCustomPrompt="1"/>
          </p:nvPr>
        </p:nvSpPr>
        <p:spPr>
          <a:xfrm>
            <a:off x="6311900" y="1707564"/>
            <a:ext cx="3384550" cy="865188"/>
          </a:xfrm>
        </p:spPr>
        <p:txBody>
          <a:bodyPr/>
          <a:lstStyle>
            <a:lvl1pPr marL="0" indent="0" algn="ctr">
              <a:buNone/>
              <a:defRPr/>
            </a:lvl1pPr>
          </a:lstStyle>
          <a:p>
            <a:r>
              <a:rPr lang="fr-CH" dirty="0"/>
              <a:t>Logo via Homburger-</a:t>
            </a:r>
            <a:r>
              <a:rPr lang="fr-CH" dirty="0" err="1"/>
              <a:t>Menü</a:t>
            </a:r>
            <a:r>
              <a:rPr lang="fr-CH" dirty="0"/>
              <a:t> </a:t>
            </a:r>
            <a:r>
              <a:rPr lang="fr-CH" dirty="0" err="1"/>
              <a:t>einfügen</a:t>
            </a:r>
            <a:endParaRPr lang="fr-CH" dirty="0"/>
          </a:p>
        </p:txBody>
      </p:sp>
      <p:sp>
        <p:nvSpPr>
          <p:cNvPr id="13" name="Bildplatzhalter 16">
            <a:extLst>
              <a:ext uri="{FF2B5EF4-FFF2-40B4-BE49-F238E27FC236}">
                <a16:creationId xmlns:a16="http://schemas.microsoft.com/office/drawing/2014/main" id="{D46F83B9-8D1D-46D8-B020-D1EE513E17C2}"/>
              </a:ext>
            </a:extLst>
          </p:cNvPr>
          <p:cNvSpPr>
            <a:spLocks noGrp="1"/>
          </p:cNvSpPr>
          <p:nvPr>
            <p:ph type="pic" sz="quarter" idx="23" hasCustomPrompt="1"/>
          </p:nvPr>
        </p:nvSpPr>
        <p:spPr>
          <a:xfrm>
            <a:off x="6311900" y="2996405"/>
            <a:ext cx="3384550" cy="865188"/>
          </a:xfrm>
        </p:spPr>
        <p:txBody>
          <a:bodyPr/>
          <a:lstStyle>
            <a:lvl1pPr marL="0" indent="0" algn="ctr">
              <a:buNone/>
              <a:defRPr/>
            </a:lvl1pPr>
          </a:lstStyle>
          <a:p>
            <a:r>
              <a:rPr lang="fr-CH" dirty="0"/>
              <a:t>Logo via Homburger-</a:t>
            </a:r>
            <a:r>
              <a:rPr lang="fr-CH" dirty="0" err="1"/>
              <a:t>Menü</a:t>
            </a:r>
            <a:r>
              <a:rPr lang="fr-CH" dirty="0"/>
              <a:t> </a:t>
            </a:r>
            <a:r>
              <a:rPr lang="fr-CH" dirty="0" err="1"/>
              <a:t>einfügen</a:t>
            </a:r>
            <a:endParaRPr lang="fr-CH" dirty="0"/>
          </a:p>
        </p:txBody>
      </p:sp>
      <p:sp>
        <p:nvSpPr>
          <p:cNvPr id="12" name="Bildplatzhalter 16">
            <a:extLst>
              <a:ext uri="{FF2B5EF4-FFF2-40B4-BE49-F238E27FC236}">
                <a16:creationId xmlns:a16="http://schemas.microsoft.com/office/drawing/2014/main" id="{9C8E0480-50A4-4DD7-BC69-E7F4166921E3}"/>
              </a:ext>
            </a:extLst>
          </p:cNvPr>
          <p:cNvSpPr>
            <a:spLocks noGrp="1"/>
          </p:cNvSpPr>
          <p:nvPr>
            <p:ph type="pic" sz="quarter" idx="24" hasCustomPrompt="1"/>
          </p:nvPr>
        </p:nvSpPr>
        <p:spPr>
          <a:xfrm>
            <a:off x="6311900" y="4285246"/>
            <a:ext cx="3384550" cy="865188"/>
          </a:xfrm>
        </p:spPr>
        <p:txBody>
          <a:bodyPr/>
          <a:lstStyle>
            <a:lvl1pPr marL="0" indent="0" algn="ctr">
              <a:buNone/>
              <a:defRPr/>
            </a:lvl1pPr>
          </a:lstStyle>
          <a:p>
            <a:r>
              <a:rPr lang="fr-CH" dirty="0"/>
              <a:t>Logo via Homburger-</a:t>
            </a:r>
            <a:r>
              <a:rPr lang="fr-CH" dirty="0" err="1"/>
              <a:t>Menü</a:t>
            </a:r>
            <a:r>
              <a:rPr lang="fr-CH" dirty="0"/>
              <a:t> </a:t>
            </a:r>
            <a:r>
              <a:rPr lang="fr-CH" dirty="0" err="1"/>
              <a:t>einfügen</a:t>
            </a:r>
            <a:endParaRPr lang="fr-CH" dirty="0"/>
          </a:p>
        </p:txBody>
      </p:sp>
      <p:sp>
        <p:nvSpPr>
          <p:cNvPr id="18" name="Content Placeholder 3">
            <a:extLst>
              <a:ext uri="{FF2B5EF4-FFF2-40B4-BE49-F238E27FC236}">
                <a16:creationId xmlns:a16="http://schemas.microsoft.com/office/drawing/2014/main" id="{6DEDC807-FC51-4500-BF83-F8283C5264D9}"/>
              </a:ext>
            </a:extLst>
          </p:cNvPr>
          <p:cNvSpPr>
            <a:spLocks noGrp="1"/>
          </p:cNvSpPr>
          <p:nvPr>
            <p:ph sz="half" idx="25"/>
          </p:nvPr>
        </p:nvSpPr>
        <p:spPr>
          <a:xfrm>
            <a:off x="335360" y="2682241"/>
            <a:ext cx="3600053" cy="3267710"/>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5" name="TextBox 4">
            <a:extLst>
              <a:ext uri="{FF2B5EF4-FFF2-40B4-BE49-F238E27FC236}">
                <a16:creationId xmlns:a16="http://schemas.microsoft.com/office/drawing/2014/main" id="{6292F934-3CAD-474F-9D9E-11E5772D96EF}"/>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0" name="Datumsplatzhalter 3">
            <a:extLst>
              <a:ext uri="{FF2B5EF4-FFF2-40B4-BE49-F238E27FC236}">
                <a16:creationId xmlns:a16="http://schemas.microsoft.com/office/drawing/2014/main" id="{51C7CCB1-B7DD-38F2-EE36-20377C6A1BD2}"/>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3671456841"/>
      </p:ext>
    </p:extLst>
  </p:cSld>
  <p:clrMapOvr>
    <a:masterClrMapping/>
  </p:clrMapOvr>
  <p:hf hdr="0"/>
</p:sldLayout>
</file>

<file path=ppt/slideLayouts/slideLayout4.xml><?xml version="1.0" encoding="utf-8"?>
<p:sldLayout xmlns:a="http://schemas.openxmlformats.org/drawingml/2006/main" xmlns:r="http://schemas.openxmlformats.org/officeDocument/2006/relationships" xmlns:p="http://schemas.openxmlformats.org/presentationml/2006/main" matchingName="Agenda" preserve="1" userDrawn="1">
  <p:cSld name="Agenda">
    <p:spTree>
      <p:nvGrpSpPr>
        <p:cNvPr id="1" name=""/>
        <p:cNvGrpSpPr/>
        <p:nvPr/>
      </p:nvGrpSpPr>
      <p:grpSpPr>
        <a:xfrm>
          <a:off x="0" y="0"/>
          <a:ext cx="0" cy="0"/>
          <a:chOff x="0" y="0"/>
          <a:chExt cx="0" cy="0"/>
        </a:xfrm>
      </p:grpSpPr>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3" y="222798"/>
            <a:ext cx="9361488"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p:nvPr>
        </p:nvSpPr>
        <p:spPr>
          <a:xfrm>
            <a:off x="334962" y="1125538"/>
            <a:ext cx="9361487" cy="4824411"/>
          </a:xfrm>
        </p:spPr>
        <p:txBody>
          <a:bodyPr/>
          <a:lstStyle>
            <a:lvl1pPr marL="540000" indent="-540000">
              <a:lnSpc>
                <a:spcPct val="100000"/>
              </a:lnSpc>
              <a:spcBef>
                <a:spcPts val="300"/>
              </a:spcBef>
              <a:buFont typeface="+mj-lt"/>
              <a:buAutoNum type="arabicPeriod"/>
              <a:defRPr sz="2000"/>
            </a:lvl1pPr>
          </a:lstStyle>
          <a:p>
            <a:pPr lvl="0"/>
            <a:r>
              <a:rPr lang="fr-CH" dirty="0" err="1"/>
              <a:t>Mastertextformat</a:t>
            </a:r>
            <a:r>
              <a:rPr lang="fr-CH" dirty="0"/>
              <a:t> </a:t>
            </a:r>
            <a:r>
              <a:rPr lang="fr-CH" dirty="0" err="1"/>
              <a:t>bearbeiten</a:t>
            </a:r>
            <a:endParaRPr lang="fr-CH" dirty="0"/>
          </a:p>
        </p:txBody>
      </p:sp>
      <p:sp>
        <p:nvSpPr>
          <p:cNvPr id="3" name="Foliennummernplatzhalter 2">
            <a:extLst>
              <a:ext uri="{FF2B5EF4-FFF2-40B4-BE49-F238E27FC236}">
                <a16:creationId xmlns:a16="http://schemas.microsoft.com/office/drawing/2014/main" id="{934CC874-8A4D-4D34-997E-5FD2AC5F2953}"/>
              </a:ext>
            </a:extLst>
          </p:cNvPr>
          <p:cNvSpPr>
            <a:spLocks noGrp="1"/>
          </p:cNvSpPr>
          <p:nvPr>
            <p:ph type="sldNum" sz="quarter" idx="15"/>
          </p:nvPr>
        </p:nvSpPr>
        <p:spPr/>
        <p:txBody>
          <a:bodyPr/>
          <a:lstStyle/>
          <a:p>
            <a:fld id="{D326FF9E-7D35-4532-9841-6F6637CA89AA}" type="slidenum">
              <a:rPr lang="fr-CH" smtClean="0"/>
              <a:pPr/>
              <a:t>‹N°›</a:t>
            </a:fld>
            <a:endParaRPr lang="fr-CH" dirty="0"/>
          </a:p>
        </p:txBody>
      </p:sp>
      <p:sp>
        <p:nvSpPr>
          <p:cNvPr id="2" name="TextBox 1">
            <a:extLst>
              <a:ext uri="{FF2B5EF4-FFF2-40B4-BE49-F238E27FC236}">
                <a16:creationId xmlns:a16="http://schemas.microsoft.com/office/drawing/2014/main" id="{8CC0A9A3-7325-4EA1-8C3A-8069B67F358D}"/>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7" name="Datumsplatzhalter 7">
            <a:extLst>
              <a:ext uri="{FF2B5EF4-FFF2-40B4-BE49-F238E27FC236}">
                <a16:creationId xmlns:a16="http://schemas.microsoft.com/office/drawing/2014/main" id="{4C56AB06-FC39-5A55-C885-784585141713}"/>
              </a:ext>
            </a:extLst>
          </p:cNvPr>
          <p:cNvSpPr txBox="1">
            <a:spLocks/>
          </p:cNvSpPr>
          <p:nvPr userDrawn="1"/>
        </p:nvSpPr>
        <p:spPr>
          <a:xfrm>
            <a:off x="0"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3356047109"/>
      </p:ext>
    </p:extLst>
  </p:cSld>
  <p:clrMapOvr>
    <a:masterClrMapping/>
  </p:clrMapOvr>
  <p:hf hd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ombstone 2">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AEFDB858-CA13-8311-BE32-0661C1803475}"/>
              </a:ext>
            </a:extLst>
          </p:cNvPr>
          <p:cNvSpPr>
            <a:spLocks noGrp="1"/>
          </p:cNvSpPr>
          <p:nvPr>
            <p:ph type="title" hasCustomPrompt="1"/>
          </p:nvPr>
        </p:nvSpPr>
        <p:spPr>
          <a:xfrm>
            <a:off x="335360" y="518746"/>
            <a:ext cx="9361090" cy="461982"/>
          </a:xfrm>
        </p:spPr>
        <p:txBody>
          <a:bodyPr/>
          <a:lstStyle/>
          <a:p>
            <a:r>
              <a:rPr lang="fr-CH" dirty="0" err="1"/>
              <a:t>Folientitel</a:t>
            </a:r>
            <a:endParaRPr lang="fr-CH" dirty="0"/>
          </a:p>
        </p:txBody>
      </p:sp>
      <p:sp>
        <p:nvSpPr>
          <p:cNvPr id="5" name="Subtitle 2">
            <a:extLst>
              <a:ext uri="{FF2B5EF4-FFF2-40B4-BE49-F238E27FC236}">
                <a16:creationId xmlns:a16="http://schemas.microsoft.com/office/drawing/2014/main" id="{8CCD2EEA-9D26-E03F-F32A-3D0F126FF3F4}"/>
              </a:ext>
            </a:extLst>
          </p:cNvPr>
          <p:cNvSpPr>
            <a:spLocks noGrp="1"/>
          </p:cNvSpPr>
          <p:nvPr>
            <p:ph type="subTitle" idx="13" hasCustomPrompt="1"/>
          </p:nvPr>
        </p:nvSpPr>
        <p:spPr>
          <a:xfrm>
            <a:off x="334963" y="222798"/>
            <a:ext cx="9361488" cy="244624"/>
          </a:xfrm>
          <a:ln>
            <a:noFill/>
          </a:ln>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6" name="Foliennummernplatzhalter 3">
            <a:extLst>
              <a:ext uri="{FF2B5EF4-FFF2-40B4-BE49-F238E27FC236}">
                <a16:creationId xmlns:a16="http://schemas.microsoft.com/office/drawing/2014/main" id="{8914C8E8-F5EF-9C99-25C2-60E340BAE31C}"/>
              </a:ext>
            </a:extLst>
          </p:cNvPr>
          <p:cNvSpPr>
            <a:spLocks noGrp="1"/>
          </p:cNvSpPr>
          <p:nvPr>
            <p:ph type="sldNum" sz="quarter" idx="14"/>
          </p:nvPr>
        </p:nvSpPr>
        <p:spPr>
          <a:xfrm>
            <a:off x="11424592" y="6453336"/>
            <a:ext cx="438944" cy="180000"/>
          </a:xfrm>
          <a:ln>
            <a:noFill/>
          </a:ln>
        </p:spPr>
        <p:txBody>
          <a:bodyPr/>
          <a:lstStyle/>
          <a:p>
            <a:fld id="{D308D34C-E27C-4FE6-AC6E-4268EC54B2D6}" type="slidenum">
              <a:rPr lang="fr-CH" smtClean="0"/>
              <a:pPr/>
              <a:t>‹N°›</a:t>
            </a:fld>
            <a:endParaRPr lang="fr-CH" dirty="0"/>
          </a:p>
        </p:txBody>
      </p:sp>
      <p:sp>
        <p:nvSpPr>
          <p:cNvPr id="7" name="Textplatzhalter 9">
            <a:extLst>
              <a:ext uri="{FF2B5EF4-FFF2-40B4-BE49-F238E27FC236}">
                <a16:creationId xmlns:a16="http://schemas.microsoft.com/office/drawing/2014/main" id="{BBEB7A11-45E3-9DB0-805B-18A87A67C8CD}"/>
              </a:ext>
            </a:extLst>
          </p:cNvPr>
          <p:cNvSpPr>
            <a:spLocks noGrp="1"/>
          </p:cNvSpPr>
          <p:nvPr>
            <p:ph type="body" sz="quarter" idx="18"/>
          </p:nvPr>
        </p:nvSpPr>
        <p:spPr>
          <a:xfrm>
            <a:off x="373192" y="2181600"/>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8" name="Textplatzhalter 7">
            <a:extLst>
              <a:ext uri="{FF2B5EF4-FFF2-40B4-BE49-F238E27FC236}">
                <a16:creationId xmlns:a16="http://schemas.microsoft.com/office/drawing/2014/main" id="{D005D477-9A70-6E9B-4513-146679EA5D46}"/>
              </a:ext>
            </a:extLst>
          </p:cNvPr>
          <p:cNvSpPr>
            <a:spLocks noGrp="1"/>
          </p:cNvSpPr>
          <p:nvPr>
            <p:ph type="body" sz="quarter" idx="21"/>
          </p:nvPr>
        </p:nvSpPr>
        <p:spPr>
          <a:xfrm>
            <a:off x="371984" y="1720800"/>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9" name="Textplatzhalter 9">
            <a:extLst>
              <a:ext uri="{FF2B5EF4-FFF2-40B4-BE49-F238E27FC236}">
                <a16:creationId xmlns:a16="http://schemas.microsoft.com/office/drawing/2014/main" id="{8C548C60-676A-6DF3-19DC-3737401CEA86}"/>
              </a:ext>
            </a:extLst>
          </p:cNvPr>
          <p:cNvSpPr>
            <a:spLocks noGrp="1"/>
          </p:cNvSpPr>
          <p:nvPr>
            <p:ph type="body" sz="quarter" idx="65"/>
          </p:nvPr>
        </p:nvSpPr>
        <p:spPr>
          <a:xfrm>
            <a:off x="2265256" y="2179219"/>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10" name="Textplatzhalter 7">
            <a:extLst>
              <a:ext uri="{FF2B5EF4-FFF2-40B4-BE49-F238E27FC236}">
                <a16:creationId xmlns:a16="http://schemas.microsoft.com/office/drawing/2014/main" id="{C0EADF09-8B47-E92F-28D4-2ACCAFEDCEC0}"/>
              </a:ext>
            </a:extLst>
          </p:cNvPr>
          <p:cNvSpPr>
            <a:spLocks noGrp="1"/>
          </p:cNvSpPr>
          <p:nvPr>
            <p:ph type="body" sz="quarter" idx="66"/>
          </p:nvPr>
        </p:nvSpPr>
        <p:spPr>
          <a:xfrm>
            <a:off x="2265256" y="1718419"/>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11" name="Textplatzhalter 9">
            <a:extLst>
              <a:ext uri="{FF2B5EF4-FFF2-40B4-BE49-F238E27FC236}">
                <a16:creationId xmlns:a16="http://schemas.microsoft.com/office/drawing/2014/main" id="{BB1E7ED0-8747-FD2A-B2D3-5E93E47A11C8}"/>
              </a:ext>
            </a:extLst>
          </p:cNvPr>
          <p:cNvSpPr>
            <a:spLocks noGrp="1"/>
          </p:cNvSpPr>
          <p:nvPr>
            <p:ph type="body" sz="quarter" idx="68"/>
          </p:nvPr>
        </p:nvSpPr>
        <p:spPr>
          <a:xfrm>
            <a:off x="9845984" y="2178829"/>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12" name="Textplatzhalter 7">
            <a:extLst>
              <a:ext uri="{FF2B5EF4-FFF2-40B4-BE49-F238E27FC236}">
                <a16:creationId xmlns:a16="http://schemas.microsoft.com/office/drawing/2014/main" id="{8F169689-3EEE-9801-44BA-DAF0C766AB28}"/>
              </a:ext>
            </a:extLst>
          </p:cNvPr>
          <p:cNvSpPr>
            <a:spLocks noGrp="1"/>
          </p:cNvSpPr>
          <p:nvPr>
            <p:ph type="body" sz="quarter" idx="69"/>
          </p:nvPr>
        </p:nvSpPr>
        <p:spPr>
          <a:xfrm>
            <a:off x="9845984" y="1718029"/>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13" name="Textplatzhalter 9">
            <a:extLst>
              <a:ext uri="{FF2B5EF4-FFF2-40B4-BE49-F238E27FC236}">
                <a16:creationId xmlns:a16="http://schemas.microsoft.com/office/drawing/2014/main" id="{2687909E-0A2C-8AC7-7D37-2EFE9169B2D2}"/>
              </a:ext>
            </a:extLst>
          </p:cNvPr>
          <p:cNvSpPr>
            <a:spLocks noGrp="1"/>
          </p:cNvSpPr>
          <p:nvPr>
            <p:ph type="body" sz="quarter" idx="71"/>
          </p:nvPr>
        </p:nvSpPr>
        <p:spPr>
          <a:xfrm>
            <a:off x="4160365" y="2179219"/>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14" name="Textplatzhalter 7">
            <a:extLst>
              <a:ext uri="{FF2B5EF4-FFF2-40B4-BE49-F238E27FC236}">
                <a16:creationId xmlns:a16="http://schemas.microsoft.com/office/drawing/2014/main" id="{927D41B8-3766-4B25-3618-A5656E0BE3AD}"/>
              </a:ext>
            </a:extLst>
          </p:cNvPr>
          <p:cNvSpPr>
            <a:spLocks noGrp="1"/>
          </p:cNvSpPr>
          <p:nvPr>
            <p:ph type="body" sz="quarter" idx="72"/>
          </p:nvPr>
        </p:nvSpPr>
        <p:spPr>
          <a:xfrm>
            <a:off x="4160365" y="1718419"/>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15" name="Textplatzhalter 9">
            <a:extLst>
              <a:ext uri="{FF2B5EF4-FFF2-40B4-BE49-F238E27FC236}">
                <a16:creationId xmlns:a16="http://schemas.microsoft.com/office/drawing/2014/main" id="{DB89BEDE-2424-E32C-EF8B-7613297EF4CB}"/>
              </a:ext>
            </a:extLst>
          </p:cNvPr>
          <p:cNvSpPr>
            <a:spLocks noGrp="1"/>
          </p:cNvSpPr>
          <p:nvPr>
            <p:ph type="body" sz="quarter" idx="74"/>
          </p:nvPr>
        </p:nvSpPr>
        <p:spPr>
          <a:xfrm>
            <a:off x="6055540" y="2179219"/>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16" name="Textplatzhalter 7">
            <a:extLst>
              <a:ext uri="{FF2B5EF4-FFF2-40B4-BE49-F238E27FC236}">
                <a16:creationId xmlns:a16="http://schemas.microsoft.com/office/drawing/2014/main" id="{E7AE8EDE-C770-D1E5-B60E-A355D554C3D3}"/>
              </a:ext>
            </a:extLst>
          </p:cNvPr>
          <p:cNvSpPr>
            <a:spLocks noGrp="1"/>
          </p:cNvSpPr>
          <p:nvPr>
            <p:ph type="body" sz="quarter" idx="75"/>
          </p:nvPr>
        </p:nvSpPr>
        <p:spPr>
          <a:xfrm>
            <a:off x="6055540" y="1718419"/>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17" name="Textplatzhalter 9">
            <a:extLst>
              <a:ext uri="{FF2B5EF4-FFF2-40B4-BE49-F238E27FC236}">
                <a16:creationId xmlns:a16="http://schemas.microsoft.com/office/drawing/2014/main" id="{272ED447-F007-3B5F-1A44-D5D38836D7D2}"/>
              </a:ext>
            </a:extLst>
          </p:cNvPr>
          <p:cNvSpPr>
            <a:spLocks noGrp="1"/>
          </p:cNvSpPr>
          <p:nvPr>
            <p:ph type="body" sz="quarter" idx="77"/>
          </p:nvPr>
        </p:nvSpPr>
        <p:spPr>
          <a:xfrm>
            <a:off x="7950752" y="2177231"/>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18" name="Textplatzhalter 7">
            <a:extLst>
              <a:ext uri="{FF2B5EF4-FFF2-40B4-BE49-F238E27FC236}">
                <a16:creationId xmlns:a16="http://schemas.microsoft.com/office/drawing/2014/main" id="{DF60347C-73CA-25B5-D3A0-A5EA83B9A008}"/>
              </a:ext>
            </a:extLst>
          </p:cNvPr>
          <p:cNvSpPr>
            <a:spLocks noGrp="1"/>
          </p:cNvSpPr>
          <p:nvPr>
            <p:ph type="body" sz="quarter" idx="78"/>
          </p:nvPr>
        </p:nvSpPr>
        <p:spPr>
          <a:xfrm>
            <a:off x="7950752" y="1716431"/>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19" name="Textplatzhalter 9">
            <a:extLst>
              <a:ext uri="{FF2B5EF4-FFF2-40B4-BE49-F238E27FC236}">
                <a16:creationId xmlns:a16="http://schemas.microsoft.com/office/drawing/2014/main" id="{8F2F9C27-349F-B183-A0FB-1F5308862FA6}"/>
              </a:ext>
            </a:extLst>
          </p:cNvPr>
          <p:cNvSpPr>
            <a:spLocks noGrp="1"/>
          </p:cNvSpPr>
          <p:nvPr>
            <p:ph type="body" sz="quarter" idx="80"/>
          </p:nvPr>
        </p:nvSpPr>
        <p:spPr>
          <a:xfrm>
            <a:off x="373598" y="4633534"/>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20" name="Textplatzhalter 7">
            <a:extLst>
              <a:ext uri="{FF2B5EF4-FFF2-40B4-BE49-F238E27FC236}">
                <a16:creationId xmlns:a16="http://schemas.microsoft.com/office/drawing/2014/main" id="{C2EC9524-8ECB-1E9F-49AC-B7819E42ED99}"/>
              </a:ext>
            </a:extLst>
          </p:cNvPr>
          <p:cNvSpPr>
            <a:spLocks noGrp="1"/>
          </p:cNvSpPr>
          <p:nvPr>
            <p:ph type="body" sz="quarter" idx="81"/>
          </p:nvPr>
        </p:nvSpPr>
        <p:spPr>
          <a:xfrm>
            <a:off x="372390" y="4172734"/>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21" name="Textplatzhalter 9">
            <a:extLst>
              <a:ext uri="{FF2B5EF4-FFF2-40B4-BE49-F238E27FC236}">
                <a16:creationId xmlns:a16="http://schemas.microsoft.com/office/drawing/2014/main" id="{7E3FAC58-CC0C-0A3A-0B7F-D53BAFB7649A}"/>
              </a:ext>
            </a:extLst>
          </p:cNvPr>
          <p:cNvSpPr>
            <a:spLocks noGrp="1"/>
          </p:cNvSpPr>
          <p:nvPr>
            <p:ph type="body" sz="quarter" idx="83"/>
          </p:nvPr>
        </p:nvSpPr>
        <p:spPr>
          <a:xfrm>
            <a:off x="2265256" y="4632376"/>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22" name="Textplatzhalter 7">
            <a:extLst>
              <a:ext uri="{FF2B5EF4-FFF2-40B4-BE49-F238E27FC236}">
                <a16:creationId xmlns:a16="http://schemas.microsoft.com/office/drawing/2014/main" id="{EAFF60AD-01C9-3FC1-A69D-1EC8CEDF6422}"/>
              </a:ext>
            </a:extLst>
          </p:cNvPr>
          <p:cNvSpPr>
            <a:spLocks noGrp="1"/>
          </p:cNvSpPr>
          <p:nvPr>
            <p:ph type="body" sz="quarter" idx="84"/>
          </p:nvPr>
        </p:nvSpPr>
        <p:spPr>
          <a:xfrm>
            <a:off x="2265256" y="4171576"/>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23" name="Textplatzhalter 9">
            <a:extLst>
              <a:ext uri="{FF2B5EF4-FFF2-40B4-BE49-F238E27FC236}">
                <a16:creationId xmlns:a16="http://schemas.microsoft.com/office/drawing/2014/main" id="{DA149ACF-8C7A-A8B8-9715-D4196C0790B7}"/>
              </a:ext>
            </a:extLst>
          </p:cNvPr>
          <p:cNvSpPr>
            <a:spLocks noGrp="1"/>
          </p:cNvSpPr>
          <p:nvPr>
            <p:ph type="body" sz="quarter" idx="86"/>
          </p:nvPr>
        </p:nvSpPr>
        <p:spPr>
          <a:xfrm>
            <a:off x="4158122" y="4632376"/>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24" name="Textplatzhalter 7">
            <a:extLst>
              <a:ext uri="{FF2B5EF4-FFF2-40B4-BE49-F238E27FC236}">
                <a16:creationId xmlns:a16="http://schemas.microsoft.com/office/drawing/2014/main" id="{1DFCF480-2C67-304D-63E7-2F35A0CB60B1}"/>
              </a:ext>
            </a:extLst>
          </p:cNvPr>
          <p:cNvSpPr>
            <a:spLocks noGrp="1"/>
          </p:cNvSpPr>
          <p:nvPr>
            <p:ph type="body" sz="quarter" idx="87"/>
          </p:nvPr>
        </p:nvSpPr>
        <p:spPr>
          <a:xfrm>
            <a:off x="4158122" y="4171576"/>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25" name="Textplatzhalter 9">
            <a:extLst>
              <a:ext uri="{FF2B5EF4-FFF2-40B4-BE49-F238E27FC236}">
                <a16:creationId xmlns:a16="http://schemas.microsoft.com/office/drawing/2014/main" id="{F27346C6-E215-F278-C4F7-318E28105FA0}"/>
              </a:ext>
            </a:extLst>
          </p:cNvPr>
          <p:cNvSpPr>
            <a:spLocks noGrp="1"/>
          </p:cNvSpPr>
          <p:nvPr>
            <p:ph type="body" sz="quarter" idx="89"/>
          </p:nvPr>
        </p:nvSpPr>
        <p:spPr>
          <a:xfrm>
            <a:off x="6050988" y="4632376"/>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26" name="Textplatzhalter 7">
            <a:extLst>
              <a:ext uri="{FF2B5EF4-FFF2-40B4-BE49-F238E27FC236}">
                <a16:creationId xmlns:a16="http://schemas.microsoft.com/office/drawing/2014/main" id="{B39FD618-D237-C5D8-0257-1FA290CFE723}"/>
              </a:ext>
            </a:extLst>
          </p:cNvPr>
          <p:cNvSpPr>
            <a:spLocks noGrp="1"/>
          </p:cNvSpPr>
          <p:nvPr>
            <p:ph type="body" sz="quarter" idx="90"/>
          </p:nvPr>
        </p:nvSpPr>
        <p:spPr>
          <a:xfrm>
            <a:off x="6050988" y="4171576"/>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27" name="Textplatzhalter 9">
            <a:extLst>
              <a:ext uri="{FF2B5EF4-FFF2-40B4-BE49-F238E27FC236}">
                <a16:creationId xmlns:a16="http://schemas.microsoft.com/office/drawing/2014/main" id="{82993A0E-85CE-3B0C-D1D5-4060D3457C80}"/>
              </a:ext>
            </a:extLst>
          </p:cNvPr>
          <p:cNvSpPr>
            <a:spLocks noGrp="1"/>
          </p:cNvSpPr>
          <p:nvPr>
            <p:ph type="body" sz="quarter" idx="92"/>
          </p:nvPr>
        </p:nvSpPr>
        <p:spPr>
          <a:xfrm>
            <a:off x="7951877" y="4632376"/>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28" name="Textplatzhalter 7">
            <a:extLst>
              <a:ext uri="{FF2B5EF4-FFF2-40B4-BE49-F238E27FC236}">
                <a16:creationId xmlns:a16="http://schemas.microsoft.com/office/drawing/2014/main" id="{05C2F044-9564-26B3-CA5B-DF103F788E6E}"/>
              </a:ext>
            </a:extLst>
          </p:cNvPr>
          <p:cNvSpPr>
            <a:spLocks noGrp="1"/>
          </p:cNvSpPr>
          <p:nvPr>
            <p:ph type="body" sz="quarter" idx="93"/>
          </p:nvPr>
        </p:nvSpPr>
        <p:spPr>
          <a:xfrm>
            <a:off x="7951877" y="4171576"/>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29" name="Textplatzhalter 9">
            <a:extLst>
              <a:ext uri="{FF2B5EF4-FFF2-40B4-BE49-F238E27FC236}">
                <a16:creationId xmlns:a16="http://schemas.microsoft.com/office/drawing/2014/main" id="{D9C5BBEC-C2E7-17C4-201C-234D5C7E4ACA}"/>
              </a:ext>
            </a:extLst>
          </p:cNvPr>
          <p:cNvSpPr>
            <a:spLocks noGrp="1"/>
          </p:cNvSpPr>
          <p:nvPr>
            <p:ph type="body" sz="quarter" idx="95"/>
          </p:nvPr>
        </p:nvSpPr>
        <p:spPr>
          <a:xfrm>
            <a:off x="9842442" y="4632376"/>
            <a:ext cx="1692000" cy="1116000"/>
          </a:xfrm>
          <a:ln>
            <a:noFill/>
          </a:ln>
        </p:spPr>
        <p:txBody>
          <a:bodyPr/>
          <a:lstStyle>
            <a:lvl1pPr marL="0" indent="0" algn="ctr">
              <a:spcBef>
                <a:spcPts val="0"/>
              </a:spcBef>
              <a:spcAft>
                <a:spcPts val="600"/>
              </a:spcAft>
              <a:buNone/>
              <a:defRPr sz="1000"/>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30" name="Textplatzhalter 7">
            <a:extLst>
              <a:ext uri="{FF2B5EF4-FFF2-40B4-BE49-F238E27FC236}">
                <a16:creationId xmlns:a16="http://schemas.microsoft.com/office/drawing/2014/main" id="{4FE4FD3D-755B-8615-F62C-13BEDC3FA66C}"/>
              </a:ext>
            </a:extLst>
          </p:cNvPr>
          <p:cNvSpPr>
            <a:spLocks noGrp="1"/>
          </p:cNvSpPr>
          <p:nvPr>
            <p:ph type="body" sz="quarter" idx="96"/>
          </p:nvPr>
        </p:nvSpPr>
        <p:spPr>
          <a:xfrm>
            <a:off x="9842442" y="4171576"/>
            <a:ext cx="1692000" cy="397347"/>
          </a:xfrm>
        </p:spPr>
        <p:txBody>
          <a:bodyPr lIns="0" bIns="72000" anchor="b" anchorCtr="0"/>
          <a:lstStyle>
            <a:lvl1pPr marL="0" indent="0" algn="ctr">
              <a:lnSpc>
                <a:spcPct val="100000"/>
              </a:lnSpc>
              <a:spcBef>
                <a:spcPts val="0"/>
              </a:spcBef>
              <a:buNone/>
              <a:defRPr lang="de-DE" sz="1000" kern="1200" dirty="0" smtClean="0">
                <a:solidFill>
                  <a:srgbClr val="28C591"/>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Mastertextformat</a:t>
            </a:r>
            <a:r>
              <a:rPr lang="fr-CH" dirty="0"/>
              <a:t> </a:t>
            </a:r>
            <a:r>
              <a:rPr lang="fr-CH" dirty="0" err="1"/>
              <a:t>bearbeiten</a:t>
            </a:r>
            <a:endParaRPr lang="fr-CH" dirty="0"/>
          </a:p>
        </p:txBody>
      </p:sp>
      <p:sp>
        <p:nvSpPr>
          <p:cNvPr id="33" name="Datumsplatzhalter 4">
            <a:extLst>
              <a:ext uri="{FF2B5EF4-FFF2-40B4-BE49-F238E27FC236}">
                <a16:creationId xmlns:a16="http://schemas.microsoft.com/office/drawing/2014/main" id="{8019EC58-854F-26B5-82B0-C4B98EA77C64}"/>
              </a:ext>
            </a:extLst>
          </p:cNvPr>
          <p:cNvSpPr>
            <a:spLocks noGrp="1"/>
          </p:cNvSpPr>
          <p:nvPr>
            <p:ph type="dt" sz="half" idx="15"/>
          </p:nvPr>
        </p:nvSpPr>
        <p:spPr>
          <a:xfrm>
            <a:off x="0" y="6858000"/>
            <a:ext cx="0" cy="0"/>
          </a:xfrm>
          <a:prstGeom prst="rect">
            <a:avLst/>
          </a:prstGeom>
          <a:ln>
            <a:noFill/>
          </a:ln>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3786303020"/>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matchingName="CV" preserve="1" userDrawn="1">
  <p:cSld name="CV">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B1D8037-78B6-4041-8AEF-7554C37F4B88}"/>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7" name="Subtitle 2">
            <a:extLst>
              <a:ext uri="{FF2B5EF4-FFF2-40B4-BE49-F238E27FC236}">
                <a16:creationId xmlns:a16="http://schemas.microsoft.com/office/drawing/2014/main" id="{8423DEA3-42E8-4382-85D4-715FFD31D2F6}"/>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4" name="Foliennummernplatzhalter 3">
            <a:extLst>
              <a:ext uri="{FF2B5EF4-FFF2-40B4-BE49-F238E27FC236}">
                <a16:creationId xmlns:a16="http://schemas.microsoft.com/office/drawing/2014/main" id="{C46AA4C9-F6ED-1354-3ADA-2B5C659E3CE8}"/>
              </a:ext>
            </a:extLst>
          </p:cNvPr>
          <p:cNvSpPr>
            <a:spLocks noGrp="1"/>
          </p:cNvSpPr>
          <p:nvPr>
            <p:ph type="sldNum" sz="quarter" idx="14"/>
          </p:nvPr>
        </p:nvSpPr>
        <p:spPr>
          <a:xfrm>
            <a:off x="6315" y="6858000"/>
            <a:ext cx="0" cy="0"/>
          </a:xfrm>
        </p:spPr>
        <p:txBody>
          <a:bodyPr/>
          <a:lstStyle/>
          <a:p>
            <a:endParaRPr lang="fr-CH" dirty="0"/>
          </a:p>
        </p:txBody>
      </p:sp>
      <p:sp>
        <p:nvSpPr>
          <p:cNvPr id="10" name="Textplatzhalter 9">
            <a:extLst>
              <a:ext uri="{FF2B5EF4-FFF2-40B4-BE49-F238E27FC236}">
                <a16:creationId xmlns:a16="http://schemas.microsoft.com/office/drawing/2014/main" id="{F906F280-D70B-4AEA-A598-4CA9EDF1291E}"/>
              </a:ext>
            </a:extLst>
          </p:cNvPr>
          <p:cNvSpPr>
            <a:spLocks noGrp="1"/>
          </p:cNvSpPr>
          <p:nvPr>
            <p:ph type="body" sz="quarter" idx="17" hasCustomPrompt="1"/>
          </p:nvPr>
        </p:nvSpPr>
        <p:spPr>
          <a:xfrm>
            <a:off x="334963" y="1916113"/>
            <a:ext cx="6913562" cy="246221"/>
          </a:xfrm>
        </p:spPr>
        <p:txBody>
          <a:bodyPr>
            <a:spAutoFit/>
          </a:bodyPr>
          <a:lstStyle>
            <a:lvl1pPr marL="0" indent="0">
              <a:lnSpc>
                <a:spcPct val="100000"/>
              </a:lnSpc>
              <a:spcBef>
                <a:spcPts val="0"/>
              </a:spcBef>
              <a:buFontTx/>
              <a:buNone/>
              <a:defRPr sz="1600" b="0"/>
            </a:lvl1pPr>
          </a:lstStyle>
          <a:p>
            <a:pPr lvl="0"/>
            <a:r>
              <a:rPr lang="fr-CH" dirty="0" err="1"/>
              <a:t>Vorname</a:t>
            </a:r>
            <a:r>
              <a:rPr lang="fr-CH" dirty="0"/>
              <a:t> Name (</a:t>
            </a:r>
            <a:r>
              <a:rPr lang="fr-CH" dirty="0" err="1"/>
              <a:t>fett</a:t>
            </a:r>
            <a:r>
              <a:rPr lang="fr-CH" dirty="0"/>
              <a:t>) </a:t>
            </a:r>
            <a:r>
              <a:rPr lang="fr-CH" dirty="0" err="1"/>
              <a:t>persönlicher</a:t>
            </a:r>
            <a:r>
              <a:rPr lang="fr-CH" dirty="0"/>
              <a:t> </a:t>
            </a:r>
            <a:r>
              <a:rPr lang="fr-CH" dirty="0" err="1"/>
              <a:t>Text</a:t>
            </a:r>
            <a:r>
              <a:rPr lang="fr-CH" dirty="0"/>
              <a:t> (</a:t>
            </a:r>
            <a:r>
              <a:rPr lang="fr-CH" dirty="0" err="1"/>
              <a:t>nicht</a:t>
            </a:r>
            <a:r>
              <a:rPr lang="fr-CH" dirty="0"/>
              <a:t> </a:t>
            </a:r>
            <a:r>
              <a:rPr lang="fr-CH" dirty="0" err="1"/>
              <a:t>fett</a:t>
            </a:r>
            <a:r>
              <a:rPr lang="fr-CH" dirty="0"/>
              <a:t>)</a:t>
            </a:r>
          </a:p>
        </p:txBody>
      </p:sp>
      <p:sp>
        <p:nvSpPr>
          <p:cNvPr id="13" name="Bildplatzhalter 12">
            <a:extLst>
              <a:ext uri="{FF2B5EF4-FFF2-40B4-BE49-F238E27FC236}">
                <a16:creationId xmlns:a16="http://schemas.microsoft.com/office/drawing/2014/main" id="{F20005C5-7C89-4F5C-9676-4B2BAB99A99C}"/>
              </a:ext>
            </a:extLst>
          </p:cNvPr>
          <p:cNvSpPr>
            <a:spLocks noGrp="1"/>
          </p:cNvSpPr>
          <p:nvPr>
            <p:ph type="pic" sz="quarter" idx="18" hasCustomPrompt="1"/>
          </p:nvPr>
        </p:nvSpPr>
        <p:spPr>
          <a:xfrm>
            <a:off x="9336360" y="1422000"/>
            <a:ext cx="2855640" cy="4023224"/>
          </a:xfrm>
          <a:solidFill>
            <a:schemeClr val="bg1">
              <a:lumMod val="95000"/>
            </a:schemeClr>
          </a:solidFill>
        </p:spPr>
        <p:txBody>
          <a:bodyPr anchor="ctr"/>
          <a:lstStyle>
            <a:lvl1pPr marL="0" indent="0" algn="ctr">
              <a:lnSpc>
                <a:spcPct val="100000"/>
              </a:lnSpc>
              <a:spcBef>
                <a:spcPts val="0"/>
              </a:spcBef>
              <a:buNone/>
              <a:defRPr/>
            </a:lvl1pPr>
          </a:lstStyle>
          <a:p>
            <a:r>
              <a:rPr lang="fr-CH" dirty="0" err="1"/>
              <a:t>Bild</a:t>
            </a:r>
            <a:r>
              <a:rPr lang="fr-CH" dirty="0"/>
              <a:t> via Homburger-</a:t>
            </a:r>
            <a:r>
              <a:rPr lang="fr-CH" dirty="0" err="1"/>
              <a:t>Menü</a:t>
            </a:r>
            <a:r>
              <a:rPr lang="fr-CH" dirty="0"/>
              <a:t> </a:t>
            </a:r>
            <a:r>
              <a:rPr lang="fr-CH" dirty="0" err="1"/>
              <a:t>einfügen</a:t>
            </a:r>
            <a:endParaRPr lang="fr-CH" dirty="0"/>
          </a:p>
        </p:txBody>
      </p:sp>
      <p:sp>
        <p:nvSpPr>
          <p:cNvPr id="11" name="Textplatzhalter 9">
            <a:extLst>
              <a:ext uri="{FF2B5EF4-FFF2-40B4-BE49-F238E27FC236}">
                <a16:creationId xmlns:a16="http://schemas.microsoft.com/office/drawing/2014/main" id="{C5119CAA-A958-474E-BCDA-749127575E8A}"/>
              </a:ext>
            </a:extLst>
          </p:cNvPr>
          <p:cNvSpPr>
            <a:spLocks noGrp="1"/>
          </p:cNvSpPr>
          <p:nvPr>
            <p:ph type="body" sz="quarter" idx="19" hasCustomPrompt="1"/>
          </p:nvPr>
        </p:nvSpPr>
        <p:spPr>
          <a:xfrm>
            <a:off x="334963" y="3501008"/>
            <a:ext cx="4392885" cy="204736"/>
          </a:xfrm>
        </p:spPr>
        <p:txBody>
          <a:bodyPr wrap="square">
            <a:spAutoFit/>
          </a:bodyPr>
          <a:lstStyle>
            <a:lvl1pPr marL="987425" indent="-987425">
              <a:lnSpc>
                <a:spcPts val="1700"/>
              </a:lnSpc>
              <a:spcBef>
                <a:spcPts val="0"/>
              </a:spcBef>
              <a:buFontTx/>
              <a:buNone/>
              <a:tabLst>
                <a:tab pos="987425" algn="l"/>
              </a:tabLst>
              <a:defRPr sz="1200" b="0"/>
            </a:lvl1pPr>
          </a:lstStyle>
          <a:p>
            <a:pPr lvl="0"/>
            <a:r>
              <a:rPr lang="fr-CH" dirty="0" err="1"/>
              <a:t>YYYY</a:t>
            </a:r>
            <a:r>
              <a:rPr lang="fr-CH" dirty="0"/>
              <a:t>                  </a:t>
            </a:r>
            <a:r>
              <a:rPr lang="fr-CH" dirty="0" err="1"/>
              <a:t>Text</a:t>
            </a:r>
            <a:endParaRPr lang="fr-CH" dirty="0"/>
          </a:p>
        </p:txBody>
      </p:sp>
      <p:sp>
        <p:nvSpPr>
          <p:cNvPr id="12" name="Textplatzhalter 9">
            <a:extLst>
              <a:ext uri="{FF2B5EF4-FFF2-40B4-BE49-F238E27FC236}">
                <a16:creationId xmlns:a16="http://schemas.microsoft.com/office/drawing/2014/main" id="{791E79E0-EB2A-4A10-A118-021486ABBE67}"/>
              </a:ext>
            </a:extLst>
          </p:cNvPr>
          <p:cNvSpPr>
            <a:spLocks noGrp="1"/>
          </p:cNvSpPr>
          <p:nvPr>
            <p:ph type="body" sz="quarter" idx="20" hasCustomPrompt="1"/>
          </p:nvPr>
        </p:nvSpPr>
        <p:spPr>
          <a:xfrm>
            <a:off x="5159375" y="3501008"/>
            <a:ext cx="3528913" cy="1076770"/>
          </a:xfrm>
        </p:spPr>
        <p:txBody>
          <a:bodyPr wrap="square">
            <a:spAutoFit/>
          </a:bodyPr>
          <a:lstStyle>
            <a:lvl1pPr marL="0" indent="0">
              <a:lnSpc>
                <a:spcPts val="1700"/>
              </a:lnSpc>
              <a:spcBef>
                <a:spcPts val="0"/>
              </a:spcBef>
              <a:buFontTx/>
              <a:buNone/>
              <a:tabLst/>
              <a:defRPr sz="1200" b="0"/>
            </a:lvl1pPr>
          </a:lstStyle>
          <a:p>
            <a:pPr lvl="0"/>
            <a:r>
              <a:rPr lang="fr-CH" dirty="0"/>
              <a:t>T +41 43 000 00 00</a:t>
            </a:r>
            <a:br>
              <a:rPr lang="fr-CH" dirty="0"/>
            </a:br>
            <a:r>
              <a:rPr lang="fr-CH" dirty="0"/>
              <a:t>M +41 79 000 00 00</a:t>
            </a:r>
            <a:br>
              <a:rPr lang="fr-CH" dirty="0"/>
            </a:br>
            <a:r>
              <a:rPr lang="fr-CH" dirty="0"/>
              <a:t>vorname.name@homburger.ch</a:t>
            </a:r>
            <a:br>
              <a:rPr lang="fr-CH" dirty="0"/>
            </a:br>
            <a:br>
              <a:rPr lang="fr-CH" dirty="0"/>
            </a:br>
            <a:r>
              <a:rPr lang="fr-CH" dirty="0" err="1"/>
              <a:t>Text</a:t>
            </a:r>
            <a:endParaRPr lang="fr-CH" dirty="0"/>
          </a:p>
        </p:txBody>
      </p:sp>
      <p:sp>
        <p:nvSpPr>
          <p:cNvPr id="6" name="TextBox 5">
            <a:extLst>
              <a:ext uri="{FF2B5EF4-FFF2-40B4-BE49-F238E27FC236}">
                <a16:creationId xmlns:a16="http://schemas.microsoft.com/office/drawing/2014/main" id="{61E2BA5F-6216-4670-AF8A-87374B564B33}"/>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5" name="Fußzeilenplatzhalter 5">
            <a:extLst>
              <a:ext uri="{FF2B5EF4-FFF2-40B4-BE49-F238E27FC236}">
                <a16:creationId xmlns:a16="http://schemas.microsoft.com/office/drawing/2014/main" id="{06317025-E6A8-4EC0-089A-EA41111DA4FF}"/>
              </a:ext>
            </a:extLst>
          </p:cNvPr>
          <p:cNvSpPr>
            <a:spLocks noGrp="1"/>
          </p:cNvSpPr>
          <p:nvPr>
            <p:ph type="ftr" sz="quarter" idx="16"/>
          </p:nvPr>
        </p:nvSpPr>
        <p:spPr>
          <a:xfrm>
            <a:off x="7556" y="6858000"/>
            <a:ext cx="0" cy="0"/>
          </a:xfrm>
          <a:prstGeom prst="rect">
            <a:avLst/>
          </a:prstGeom>
        </p:spPr>
        <p:txBody>
          <a:bodyPr vert="horz" lIns="0" tIns="0" rIns="0" bIns="0" rtlCol="0" anchor="b">
            <a:noAutofit/>
          </a:bodyPr>
          <a:lstStyle>
            <a:defPPr>
              <a:defRPr lang="en-US"/>
            </a:defPPr>
            <a:lvl1pPr marL="0" algn="l" defTabSz="914400" rtl="0" eaLnBrk="1" latinLnBrk="0" hangingPunct="1">
              <a:defRPr sz="800" kern="1200"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9" name="Datumsplatzhalter 4">
            <a:extLst>
              <a:ext uri="{FF2B5EF4-FFF2-40B4-BE49-F238E27FC236}">
                <a16:creationId xmlns:a16="http://schemas.microsoft.com/office/drawing/2014/main" id="{52EF8533-02DE-F472-5E77-97B8666FFDFB}"/>
              </a:ext>
            </a:extLst>
          </p:cNvPr>
          <p:cNvSpPr>
            <a:spLocks noGrp="1"/>
          </p:cNvSpPr>
          <p:nvPr>
            <p:ph type="dt" sz="half" idx="15"/>
          </p:nvPr>
        </p:nvSpPr>
        <p:spPr>
          <a:xfrm>
            <a:off x="0"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381052375"/>
      </p:ext>
    </p:extLst>
  </p:cSld>
  <p:clrMapOvr>
    <a:masterClrMapping/>
  </p:clrMapOvr>
  <p:hf hdr="0"/>
</p:sldLayout>
</file>

<file path=ppt/slideLayouts/slideLayout42.xml><?xml version="1.0" encoding="utf-8"?>
<p:sldLayout xmlns:a="http://schemas.openxmlformats.org/drawingml/2006/main" xmlns:r="http://schemas.openxmlformats.org/officeDocument/2006/relationships" xmlns:p="http://schemas.openxmlformats.org/presentationml/2006/main" matchingName="Timing Stream" preserve="1" userDrawn="1">
  <p:cSld name="Timing Stream">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B1D8037-78B6-4041-8AEF-7554C37F4B88}"/>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7" name="Subtitle 2">
            <a:extLst>
              <a:ext uri="{FF2B5EF4-FFF2-40B4-BE49-F238E27FC236}">
                <a16:creationId xmlns:a16="http://schemas.microsoft.com/office/drawing/2014/main" id="{8423DEA3-42E8-4382-85D4-715FFD31D2F6}"/>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3" name="Foliennummernplatzhalter 2">
            <a:extLst>
              <a:ext uri="{FF2B5EF4-FFF2-40B4-BE49-F238E27FC236}">
                <a16:creationId xmlns:a16="http://schemas.microsoft.com/office/drawing/2014/main" id="{BA31231D-86E2-4E4F-BCC9-E557337E4E8F}"/>
              </a:ext>
            </a:extLst>
          </p:cNvPr>
          <p:cNvSpPr>
            <a:spLocks noGrp="1"/>
          </p:cNvSpPr>
          <p:nvPr>
            <p:ph type="sldNum" sz="quarter" idx="14"/>
          </p:nvPr>
        </p:nvSpPr>
        <p:spPr/>
        <p:txBody>
          <a:bodyPr/>
          <a:lstStyle/>
          <a:p>
            <a:fld id="{3761BC1F-33F8-4006-9415-5BCC8DA081EE}" type="slidenum">
              <a:rPr lang="fr-CH" smtClean="0"/>
              <a:pPr/>
              <a:t>‹N°›</a:t>
            </a:fld>
            <a:endParaRPr lang="fr-CH" dirty="0"/>
          </a:p>
        </p:txBody>
      </p:sp>
      <p:sp>
        <p:nvSpPr>
          <p:cNvPr id="8" name="Tabellenplatzhalter 7">
            <a:extLst>
              <a:ext uri="{FF2B5EF4-FFF2-40B4-BE49-F238E27FC236}">
                <a16:creationId xmlns:a16="http://schemas.microsoft.com/office/drawing/2014/main" id="{408B6068-D267-427B-B109-7F7D6CFB2BA5}"/>
              </a:ext>
            </a:extLst>
          </p:cNvPr>
          <p:cNvSpPr>
            <a:spLocks noGrp="1"/>
          </p:cNvSpPr>
          <p:nvPr>
            <p:ph type="tbl" sz="quarter" idx="17"/>
          </p:nvPr>
        </p:nvSpPr>
        <p:spPr>
          <a:xfrm>
            <a:off x="334963" y="1125538"/>
            <a:ext cx="11233150" cy="2303462"/>
          </a:xfrm>
        </p:spPr>
        <p:txBody>
          <a:bodyPr/>
          <a:lstStyle/>
          <a:p>
            <a:r>
              <a:rPr lang="fr-CH" dirty="0"/>
              <a:t>Tabelle </a:t>
            </a:r>
            <a:r>
              <a:rPr lang="fr-CH" dirty="0" err="1"/>
              <a:t>durch</a:t>
            </a:r>
            <a:r>
              <a:rPr lang="fr-CH" dirty="0"/>
              <a:t> </a:t>
            </a:r>
            <a:r>
              <a:rPr lang="fr-CH" dirty="0" err="1"/>
              <a:t>Klicken</a:t>
            </a:r>
            <a:r>
              <a:rPr lang="fr-CH" dirty="0"/>
              <a:t> </a:t>
            </a:r>
            <a:r>
              <a:rPr lang="fr-CH" dirty="0" err="1"/>
              <a:t>auf</a:t>
            </a:r>
            <a:r>
              <a:rPr lang="fr-CH" dirty="0"/>
              <a:t> Symbol </a:t>
            </a:r>
            <a:r>
              <a:rPr lang="fr-CH" dirty="0" err="1"/>
              <a:t>hinzufügen</a:t>
            </a:r>
            <a:endParaRPr lang="fr-CH" dirty="0"/>
          </a:p>
        </p:txBody>
      </p:sp>
      <p:sp>
        <p:nvSpPr>
          <p:cNvPr id="10" name="Textplatzhalter 9">
            <a:extLst>
              <a:ext uri="{FF2B5EF4-FFF2-40B4-BE49-F238E27FC236}">
                <a16:creationId xmlns:a16="http://schemas.microsoft.com/office/drawing/2014/main" id="{00550411-3098-49B4-AD9B-D1C5883A3A94}"/>
              </a:ext>
            </a:extLst>
          </p:cNvPr>
          <p:cNvSpPr>
            <a:spLocks noGrp="1"/>
          </p:cNvSpPr>
          <p:nvPr>
            <p:ph type="body" sz="quarter" idx="18"/>
          </p:nvPr>
        </p:nvSpPr>
        <p:spPr>
          <a:xfrm>
            <a:off x="339195" y="4039287"/>
            <a:ext cx="3600000" cy="973889"/>
          </a:xfrm>
        </p:spPr>
        <p:txBody>
          <a:bodyPr/>
          <a:lstStyle>
            <a:lvl1pPr marL="0" indent="0">
              <a:buNone/>
              <a:defRPr/>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13" name="Textplatzhalter 9">
            <a:extLst>
              <a:ext uri="{FF2B5EF4-FFF2-40B4-BE49-F238E27FC236}">
                <a16:creationId xmlns:a16="http://schemas.microsoft.com/office/drawing/2014/main" id="{8174F6D6-C3CC-4A31-8B2F-F81AF3F7277E}"/>
              </a:ext>
            </a:extLst>
          </p:cNvPr>
          <p:cNvSpPr>
            <a:spLocks noGrp="1"/>
          </p:cNvSpPr>
          <p:nvPr>
            <p:ph type="body" sz="quarter" idx="19"/>
          </p:nvPr>
        </p:nvSpPr>
        <p:spPr>
          <a:xfrm>
            <a:off x="339194" y="5094239"/>
            <a:ext cx="3600000" cy="855712"/>
          </a:xfrm>
        </p:spPr>
        <p:txBody>
          <a:bodyPr/>
          <a:lstStyle>
            <a:lvl1pPr marL="0" indent="0">
              <a:buNone/>
              <a:defRPr/>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18" name="Textplatzhalter 9">
            <a:extLst>
              <a:ext uri="{FF2B5EF4-FFF2-40B4-BE49-F238E27FC236}">
                <a16:creationId xmlns:a16="http://schemas.microsoft.com/office/drawing/2014/main" id="{6BAB939B-501F-4DCD-89B6-17C583183F7C}"/>
              </a:ext>
            </a:extLst>
          </p:cNvPr>
          <p:cNvSpPr>
            <a:spLocks noGrp="1"/>
          </p:cNvSpPr>
          <p:nvPr>
            <p:ph type="body" sz="quarter" idx="20"/>
          </p:nvPr>
        </p:nvSpPr>
        <p:spPr>
          <a:xfrm>
            <a:off x="4152184" y="4039287"/>
            <a:ext cx="3600000" cy="973889"/>
          </a:xfrm>
        </p:spPr>
        <p:txBody>
          <a:bodyPr/>
          <a:lstStyle>
            <a:lvl1pPr marL="0" indent="0">
              <a:buNone/>
              <a:defRPr/>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19" name="Textplatzhalter 9">
            <a:extLst>
              <a:ext uri="{FF2B5EF4-FFF2-40B4-BE49-F238E27FC236}">
                <a16:creationId xmlns:a16="http://schemas.microsoft.com/office/drawing/2014/main" id="{77618B02-659B-4CFC-9ACB-1091D5F8B231}"/>
              </a:ext>
            </a:extLst>
          </p:cNvPr>
          <p:cNvSpPr>
            <a:spLocks noGrp="1"/>
          </p:cNvSpPr>
          <p:nvPr>
            <p:ph type="body" sz="quarter" idx="21"/>
          </p:nvPr>
        </p:nvSpPr>
        <p:spPr>
          <a:xfrm>
            <a:off x="4152183" y="5094239"/>
            <a:ext cx="3600000" cy="855712"/>
          </a:xfrm>
        </p:spPr>
        <p:txBody>
          <a:bodyPr/>
          <a:lstStyle>
            <a:lvl1pPr marL="0" indent="0">
              <a:buNone/>
              <a:defRPr/>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20" name="Textplatzhalter 9">
            <a:extLst>
              <a:ext uri="{FF2B5EF4-FFF2-40B4-BE49-F238E27FC236}">
                <a16:creationId xmlns:a16="http://schemas.microsoft.com/office/drawing/2014/main" id="{494E6047-5ABD-4B4A-A5A3-25775BC3F96A}"/>
              </a:ext>
            </a:extLst>
          </p:cNvPr>
          <p:cNvSpPr>
            <a:spLocks noGrp="1"/>
          </p:cNvSpPr>
          <p:nvPr>
            <p:ph type="body" sz="quarter" idx="22"/>
          </p:nvPr>
        </p:nvSpPr>
        <p:spPr>
          <a:xfrm>
            <a:off x="7968209" y="4039512"/>
            <a:ext cx="3600000" cy="973889"/>
          </a:xfrm>
        </p:spPr>
        <p:txBody>
          <a:bodyPr/>
          <a:lstStyle>
            <a:lvl1pPr marL="0" indent="0">
              <a:buNone/>
              <a:defRPr/>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21" name="Textplatzhalter 9">
            <a:extLst>
              <a:ext uri="{FF2B5EF4-FFF2-40B4-BE49-F238E27FC236}">
                <a16:creationId xmlns:a16="http://schemas.microsoft.com/office/drawing/2014/main" id="{50BC76E1-C3B7-4314-8E99-AE669024B8E2}"/>
              </a:ext>
            </a:extLst>
          </p:cNvPr>
          <p:cNvSpPr>
            <a:spLocks noGrp="1"/>
          </p:cNvSpPr>
          <p:nvPr>
            <p:ph type="body" sz="quarter" idx="23"/>
          </p:nvPr>
        </p:nvSpPr>
        <p:spPr>
          <a:xfrm>
            <a:off x="7968208" y="5094464"/>
            <a:ext cx="3600000" cy="855712"/>
          </a:xfrm>
        </p:spPr>
        <p:txBody>
          <a:bodyPr/>
          <a:lstStyle>
            <a:lvl1pPr marL="0" indent="0">
              <a:buNone/>
              <a:defRPr/>
            </a:lvl1pPr>
            <a:lvl2pPr marL="230400" indent="0">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p:txBody>
      </p:sp>
      <p:sp>
        <p:nvSpPr>
          <p:cNvPr id="4" name="TextBox 3">
            <a:extLst>
              <a:ext uri="{FF2B5EF4-FFF2-40B4-BE49-F238E27FC236}">
                <a16:creationId xmlns:a16="http://schemas.microsoft.com/office/drawing/2014/main" id="{5DF3C7A5-538F-464B-95C1-A9EEC1942E34}"/>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2" name="Datumsplatzhalter 4">
            <a:extLst>
              <a:ext uri="{FF2B5EF4-FFF2-40B4-BE49-F238E27FC236}">
                <a16:creationId xmlns:a16="http://schemas.microsoft.com/office/drawing/2014/main" id="{CF6DC196-260D-4586-E775-627E35479AFF}"/>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653724258"/>
      </p:ext>
    </p:extLst>
  </p:cSld>
  <p:clrMapOvr>
    <a:masterClrMapping/>
  </p:clrMapOvr>
  <p:hf hdr="0"/>
</p:sldLayout>
</file>

<file path=ppt/slideLayouts/slideLayout43.xml><?xml version="1.0" encoding="utf-8"?>
<p:sldLayout xmlns:a="http://schemas.openxmlformats.org/drawingml/2006/main" xmlns:r="http://schemas.openxmlformats.org/officeDocument/2006/relationships" xmlns:p="http://schemas.openxmlformats.org/presentationml/2006/main" matchingName="Team" preserve="1" userDrawn="1">
  <p:cSld name="Team">
    <p:spTree>
      <p:nvGrpSpPr>
        <p:cNvPr id="1" name=""/>
        <p:cNvGrpSpPr/>
        <p:nvPr/>
      </p:nvGrpSpPr>
      <p:grpSpPr>
        <a:xfrm>
          <a:off x="0" y="0"/>
          <a:ext cx="0" cy="0"/>
          <a:chOff x="0" y="0"/>
          <a:chExt cx="0" cy="0"/>
        </a:xfrm>
      </p:grpSpPr>
      <p:sp>
        <p:nvSpPr>
          <p:cNvPr id="5" name="Bildplatzhalter 4">
            <a:extLst>
              <a:ext uri="{FF2B5EF4-FFF2-40B4-BE49-F238E27FC236}">
                <a16:creationId xmlns:a16="http://schemas.microsoft.com/office/drawing/2014/main" id="{003EA353-F64A-425E-88C2-CF325915D950}"/>
              </a:ext>
            </a:extLst>
          </p:cNvPr>
          <p:cNvSpPr>
            <a:spLocks noGrp="1"/>
          </p:cNvSpPr>
          <p:nvPr>
            <p:ph type="pic" sz="quarter" idx="20" hasCustomPrompt="1"/>
          </p:nvPr>
        </p:nvSpPr>
        <p:spPr>
          <a:xfrm>
            <a:off x="6802627" y="1166050"/>
            <a:ext cx="936104" cy="936326"/>
          </a:xfrm>
          <a:prstGeom prst="flowChartConnector">
            <a:avLst/>
          </a:prstGeom>
          <a:solidFill>
            <a:schemeClr val="bg1">
              <a:lumMod val="95000"/>
            </a:schemeClr>
          </a:solidFill>
        </p:spPr>
        <p:txBody>
          <a:bodyPr/>
          <a:lstStyle>
            <a:lvl1pPr marL="0" indent="0" algn="ctr">
              <a:buNone/>
              <a:defRPr sz="900"/>
            </a:lvl1pPr>
          </a:lstStyle>
          <a:p>
            <a:r>
              <a:rPr lang="fr-CH" dirty="0" err="1"/>
              <a:t>Bild</a:t>
            </a:r>
            <a:r>
              <a:rPr lang="fr-CH" dirty="0"/>
              <a:t> via Homburger-</a:t>
            </a:r>
            <a:r>
              <a:rPr lang="fr-CH" dirty="0" err="1"/>
              <a:t>Menü</a:t>
            </a:r>
            <a:r>
              <a:rPr lang="fr-CH" dirty="0"/>
              <a:t> </a:t>
            </a:r>
            <a:r>
              <a:rPr lang="fr-CH" dirty="0" err="1"/>
              <a:t>einfügen</a:t>
            </a:r>
            <a:endParaRPr lang="fr-CH" dirty="0"/>
          </a:p>
        </p:txBody>
      </p:sp>
      <p:sp>
        <p:nvSpPr>
          <p:cNvPr id="19" name="Title 1">
            <a:extLst>
              <a:ext uri="{FF2B5EF4-FFF2-40B4-BE49-F238E27FC236}">
                <a16:creationId xmlns:a16="http://schemas.microsoft.com/office/drawing/2014/main" id="{9971AAFF-580F-4852-94F4-C6F21B6C563D}"/>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21" name="Subtitle 2">
            <a:extLst>
              <a:ext uri="{FF2B5EF4-FFF2-40B4-BE49-F238E27FC236}">
                <a16:creationId xmlns:a16="http://schemas.microsoft.com/office/drawing/2014/main" id="{4FAB923C-AA0B-4DA0-8F18-132D60F62669}"/>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22" name="Foliennummernplatzhalter 2">
            <a:extLst>
              <a:ext uri="{FF2B5EF4-FFF2-40B4-BE49-F238E27FC236}">
                <a16:creationId xmlns:a16="http://schemas.microsoft.com/office/drawing/2014/main" id="{0255E5FC-CDCB-42FC-A077-91F9146EF795}"/>
              </a:ext>
            </a:extLst>
          </p:cNvPr>
          <p:cNvSpPr>
            <a:spLocks noGrp="1"/>
          </p:cNvSpPr>
          <p:nvPr>
            <p:ph type="sldNum" sz="quarter" idx="16"/>
          </p:nvPr>
        </p:nvSpPr>
        <p:spPr>
          <a:xfrm>
            <a:off x="5628" y="6858000"/>
            <a:ext cx="0" cy="0"/>
          </a:xfrm>
        </p:spPr>
        <p:txBody>
          <a:bodyPr/>
          <a:lstStyle>
            <a:lvl1pPr>
              <a:defRPr>
                <a:noFill/>
              </a:defRPr>
            </a:lvl1pPr>
          </a:lstStyle>
          <a:p>
            <a:endParaRPr lang="fr-CH" dirty="0"/>
          </a:p>
        </p:txBody>
      </p:sp>
      <p:sp>
        <p:nvSpPr>
          <p:cNvPr id="34" name="Text Placeholder 12">
            <a:extLst>
              <a:ext uri="{FF2B5EF4-FFF2-40B4-BE49-F238E27FC236}">
                <a16:creationId xmlns:a16="http://schemas.microsoft.com/office/drawing/2014/main" id="{DCAE8430-8FA9-4C5E-8031-2FB640A09C5D}"/>
              </a:ext>
            </a:extLst>
          </p:cNvPr>
          <p:cNvSpPr>
            <a:spLocks noGrp="1"/>
          </p:cNvSpPr>
          <p:nvPr>
            <p:ph type="body" sz="quarter" idx="15"/>
          </p:nvPr>
        </p:nvSpPr>
        <p:spPr>
          <a:xfrm>
            <a:off x="8008752" y="1289079"/>
            <a:ext cx="3559361" cy="792529"/>
          </a:xfrm>
        </p:spPr>
        <p:txBody>
          <a:bodyPr/>
          <a:lstStyle>
            <a:lvl1pPr marL="0" indent="0">
              <a:lnSpc>
                <a:spcPct val="122000"/>
              </a:lnSpc>
              <a:spcBef>
                <a:spcPts val="0"/>
              </a:spcBef>
              <a:buNone/>
              <a:defRPr sz="1200" b="0"/>
            </a:lvl1pPr>
          </a:lstStyle>
          <a:p>
            <a:pPr lvl="0"/>
            <a:r>
              <a:rPr lang="fr-CH" dirty="0" err="1"/>
              <a:t>Mastertextformat</a:t>
            </a:r>
            <a:r>
              <a:rPr lang="fr-CH" dirty="0"/>
              <a:t> </a:t>
            </a:r>
            <a:r>
              <a:rPr lang="fr-CH" dirty="0" err="1"/>
              <a:t>bearbeiten</a:t>
            </a:r>
            <a:endParaRPr lang="fr-CH" dirty="0"/>
          </a:p>
        </p:txBody>
      </p:sp>
      <p:sp>
        <p:nvSpPr>
          <p:cNvPr id="18" name="Text Placeholder 12">
            <a:extLst>
              <a:ext uri="{FF2B5EF4-FFF2-40B4-BE49-F238E27FC236}">
                <a16:creationId xmlns:a16="http://schemas.microsoft.com/office/drawing/2014/main" id="{87184ACD-ECF1-4A9B-8FAA-3AF8FE908F8A}"/>
              </a:ext>
            </a:extLst>
          </p:cNvPr>
          <p:cNvSpPr>
            <a:spLocks noGrp="1"/>
          </p:cNvSpPr>
          <p:nvPr>
            <p:ph type="body" sz="quarter" idx="21"/>
          </p:nvPr>
        </p:nvSpPr>
        <p:spPr>
          <a:xfrm>
            <a:off x="8008752" y="2430827"/>
            <a:ext cx="3559361" cy="792529"/>
          </a:xfrm>
        </p:spPr>
        <p:txBody>
          <a:bodyPr/>
          <a:lstStyle>
            <a:lvl1pPr marL="0" indent="0">
              <a:lnSpc>
                <a:spcPct val="122000"/>
              </a:lnSpc>
              <a:spcBef>
                <a:spcPts val="0"/>
              </a:spcBef>
              <a:buNone/>
              <a:defRPr sz="1200" b="0"/>
            </a:lvl1pPr>
          </a:lstStyle>
          <a:p>
            <a:pPr lvl="0"/>
            <a:r>
              <a:rPr lang="fr-CH" dirty="0" err="1"/>
              <a:t>Mastertextformat</a:t>
            </a:r>
            <a:r>
              <a:rPr lang="fr-CH" dirty="0"/>
              <a:t> </a:t>
            </a:r>
            <a:r>
              <a:rPr lang="fr-CH" dirty="0" err="1"/>
              <a:t>bearbeiten</a:t>
            </a:r>
            <a:endParaRPr lang="fr-CH" dirty="0"/>
          </a:p>
        </p:txBody>
      </p:sp>
      <p:sp>
        <p:nvSpPr>
          <p:cNvPr id="20" name="Text Placeholder 12">
            <a:extLst>
              <a:ext uri="{FF2B5EF4-FFF2-40B4-BE49-F238E27FC236}">
                <a16:creationId xmlns:a16="http://schemas.microsoft.com/office/drawing/2014/main" id="{D96B15FE-FE3D-4936-B0FD-B1F7E86158AA}"/>
              </a:ext>
            </a:extLst>
          </p:cNvPr>
          <p:cNvSpPr>
            <a:spLocks noGrp="1"/>
          </p:cNvSpPr>
          <p:nvPr>
            <p:ph type="body" sz="quarter" idx="22"/>
          </p:nvPr>
        </p:nvSpPr>
        <p:spPr>
          <a:xfrm>
            <a:off x="8008752" y="3572575"/>
            <a:ext cx="3559361" cy="792529"/>
          </a:xfrm>
        </p:spPr>
        <p:txBody>
          <a:bodyPr/>
          <a:lstStyle>
            <a:lvl1pPr marL="0" indent="0">
              <a:lnSpc>
                <a:spcPct val="122000"/>
              </a:lnSpc>
              <a:spcBef>
                <a:spcPts val="0"/>
              </a:spcBef>
              <a:buNone/>
              <a:defRPr sz="1200" b="0"/>
            </a:lvl1pPr>
          </a:lstStyle>
          <a:p>
            <a:pPr lvl="0"/>
            <a:r>
              <a:rPr lang="fr-CH" dirty="0" err="1"/>
              <a:t>Mastertextformat</a:t>
            </a:r>
            <a:r>
              <a:rPr lang="fr-CH" dirty="0"/>
              <a:t> </a:t>
            </a:r>
            <a:r>
              <a:rPr lang="fr-CH" dirty="0" err="1"/>
              <a:t>bearbeiten</a:t>
            </a:r>
            <a:endParaRPr lang="fr-CH" dirty="0"/>
          </a:p>
        </p:txBody>
      </p:sp>
      <p:sp>
        <p:nvSpPr>
          <p:cNvPr id="35" name="Bildplatzhalter 4">
            <a:extLst>
              <a:ext uri="{FF2B5EF4-FFF2-40B4-BE49-F238E27FC236}">
                <a16:creationId xmlns:a16="http://schemas.microsoft.com/office/drawing/2014/main" id="{358506B2-73A8-4120-A32D-4583CEBFF258}"/>
              </a:ext>
            </a:extLst>
          </p:cNvPr>
          <p:cNvSpPr>
            <a:spLocks noGrp="1"/>
          </p:cNvSpPr>
          <p:nvPr>
            <p:ph type="pic" sz="quarter" idx="23" hasCustomPrompt="1"/>
          </p:nvPr>
        </p:nvSpPr>
        <p:spPr>
          <a:xfrm>
            <a:off x="6802627" y="2297414"/>
            <a:ext cx="936104" cy="936326"/>
          </a:xfrm>
          <a:prstGeom prst="flowChartConnector">
            <a:avLst/>
          </a:prstGeom>
          <a:solidFill>
            <a:schemeClr val="bg1">
              <a:lumMod val="95000"/>
            </a:schemeClr>
          </a:solidFill>
        </p:spPr>
        <p:txBody>
          <a:bodyPr/>
          <a:lstStyle>
            <a:lvl1pPr marL="0" indent="0" algn="ctr">
              <a:buNone/>
              <a:defRPr sz="900"/>
            </a:lvl1pPr>
          </a:lstStyle>
          <a:p>
            <a:r>
              <a:rPr lang="fr-CH" dirty="0" err="1"/>
              <a:t>Bild</a:t>
            </a:r>
            <a:r>
              <a:rPr lang="fr-CH" dirty="0"/>
              <a:t> via Homburger-</a:t>
            </a:r>
            <a:r>
              <a:rPr lang="fr-CH" dirty="0" err="1"/>
              <a:t>Menü</a:t>
            </a:r>
            <a:r>
              <a:rPr lang="fr-CH" dirty="0"/>
              <a:t> </a:t>
            </a:r>
            <a:r>
              <a:rPr lang="fr-CH" dirty="0" err="1"/>
              <a:t>einfügen</a:t>
            </a:r>
            <a:endParaRPr lang="fr-CH" dirty="0"/>
          </a:p>
        </p:txBody>
      </p:sp>
      <p:sp>
        <p:nvSpPr>
          <p:cNvPr id="36" name="Bildplatzhalter 4">
            <a:extLst>
              <a:ext uri="{FF2B5EF4-FFF2-40B4-BE49-F238E27FC236}">
                <a16:creationId xmlns:a16="http://schemas.microsoft.com/office/drawing/2014/main" id="{1FCEF19B-2507-4FCF-A99F-8F05523759D5}"/>
              </a:ext>
            </a:extLst>
          </p:cNvPr>
          <p:cNvSpPr>
            <a:spLocks noGrp="1"/>
          </p:cNvSpPr>
          <p:nvPr>
            <p:ph type="pic" sz="quarter" idx="24" hasCustomPrompt="1"/>
          </p:nvPr>
        </p:nvSpPr>
        <p:spPr>
          <a:xfrm>
            <a:off x="6802627" y="3428778"/>
            <a:ext cx="936104" cy="936326"/>
          </a:xfrm>
          <a:prstGeom prst="flowChartConnector">
            <a:avLst/>
          </a:prstGeom>
          <a:solidFill>
            <a:schemeClr val="bg1">
              <a:lumMod val="95000"/>
            </a:schemeClr>
          </a:solidFill>
        </p:spPr>
        <p:txBody>
          <a:bodyPr/>
          <a:lstStyle>
            <a:lvl1pPr marL="0" marR="0" indent="0" algn="ctr" defTabSz="914400" rtl="0" eaLnBrk="1" fontAlgn="auto" latinLnBrk="0" hangingPunct="1">
              <a:lnSpc>
                <a:spcPct val="122000"/>
              </a:lnSpc>
              <a:spcBef>
                <a:spcPts val="400"/>
              </a:spcBef>
              <a:spcAft>
                <a:spcPts val="0"/>
              </a:spcAft>
              <a:buClrTx/>
              <a:buSzTx/>
              <a:buFont typeface="Aktiv Grotesk Homburger" panose="020B0404020202020204" pitchFamily="34" charset="0"/>
              <a:buNone/>
              <a:tabLst/>
              <a:defRPr sz="900"/>
            </a:lvl1pPr>
          </a:lstStyle>
          <a:p>
            <a:pPr marL="0" marR="0" lvl="0" indent="0" algn="ctr" defTabSz="914400" rtl="0" eaLnBrk="1" fontAlgn="auto" latinLnBrk="0" hangingPunct="1">
              <a:lnSpc>
                <a:spcPct val="122000"/>
              </a:lnSpc>
              <a:spcBef>
                <a:spcPts val="400"/>
              </a:spcBef>
              <a:spcAft>
                <a:spcPts val="0"/>
              </a:spcAft>
              <a:buClrTx/>
              <a:buSzTx/>
              <a:buFont typeface="Aktiv Grotesk Homburger" panose="020B0404020202020204" pitchFamily="34" charset="0"/>
              <a:buNone/>
              <a:tabLst/>
              <a:defRPr/>
            </a:pPr>
            <a:r>
              <a:rPr lang="fr-CH" dirty="0" err="1"/>
              <a:t>Bild</a:t>
            </a:r>
            <a:r>
              <a:rPr lang="fr-CH" dirty="0"/>
              <a:t> via Homburger-</a:t>
            </a:r>
            <a:r>
              <a:rPr lang="fr-CH" dirty="0" err="1"/>
              <a:t>Menü</a:t>
            </a:r>
            <a:r>
              <a:rPr lang="fr-CH" dirty="0"/>
              <a:t> </a:t>
            </a:r>
            <a:r>
              <a:rPr lang="fr-CH" dirty="0" err="1"/>
              <a:t>einfügen</a:t>
            </a:r>
            <a:endParaRPr lang="fr-CH" dirty="0"/>
          </a:p>
        </p:txBody>
      </p:sp>
      <p:sp>
        <p:nvSpPr>
          <p:cNvPr id="38" name="Content Placeholder 3">
            <a:extLst>
              <a:ext uri="{FF2B5EF4-FFF2-40B4-BE49-F238E27FC236}">
                <a16:creationId xmlns:a16="http://schemas.microsoft.com/office/drawing/2014/main" id="{1F227182-8632-4ABE-9614-5B01C85E8C13}"/>
              </a:ext>
            </a:extLst>
          </p:cNvPr>
          <p:cNvSpPr>
            <a:spLocks noGrp="1"/>
          </p:cNvSpPr>
          <p:nvPr>
            <p:ph sz="half" idx="25"/>
          </p:nvPr>
        </p:nvSpPr>
        <p:spPr>
          <a:xfrm>
            <a:off x="335360" y="1916113"/>
            <a:ext cx="3600053" cy="3313163"/>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2" name="TextBox 1">
            <a:extLst>
              <a:ext uri="{FF2B5EF4-FFF2-40B4-BE49-F238E27FC236}">
                <a16:creationId xmlns:a16="http://schemas.microsoft.com/office/drawing/2014/main" id="{A3964FE7-F06D-4787-B911-B48EEEBC7776}"/>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8" name="Datumsplatzhalter 3">
            <a:extLst>
              <a:ext uri="{FF2B5EF4-FFF2-40B4-BE49-F238E27FC236}">
                <a16:creationId xmlns:a16="http://schemas.microsoft.com/office/drawing/2014/main" id="{A02EF9F5-D324-7721-613D-837B57DD587D}"/>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1231176408"/>
      </p:ext>
    </p:extLst>
  </p:cSld>
  <p:clrMapOvr>
    <a:masterClrMapping/>
  </p:clrMapOvr>
  <p:hf hdr="0"/>
</p:sldLayout>
</file>

<file path=ppt/slideLayouts/slideLayout44.xml><?xml version="1.0" encoding="utf-8"?>
<p:sldLayout xmlns:a="http://schemas.openxmlformats.org/drawingml/2006/main" xmlns:r="http://schemas.openxmlformats.org/officeDocument/2006/relationships" xmlns:p="http://schemas.openxmlformats.org/presentationml/2006/main" matchingName="Team 2" preserve="1" userDrawn="1">
  <p:cSld name="Team 2">
    <p:spTree>
      <p:nvGrpSpPr>
        <p:cNvPr id="1" name=""/>
        <p:cNvGrpSpPr/>
        <p:nvPr/>
      </p:nvGrpSpPr>
      <p:grpSpPr>
        <a:xfrm>
          <a:off x="0" y="0"/>
          <a:ext cx="0" cy="0"/>
          <a:chOff x="0" y="0"/>
          <a:chExt cx="0" cy="0"/>
        </a:xfrm>
      </p:grpSpPr>
      <p:sp>
        <p:nvSpPr>
          <p:cNvPr id="5" name="Bildplatzhalter 4">
            <a:extLst>
              <a:ext uri="{FF2B5EF4-FFF2-40B4-BE49-F238E27FC236}">
                <a16:creationId xmlns:a16="http://schemas.microsoft.com/office/drawing/2014/main" id="{003EA353-F64A-425E-88C2-CF325915D950}"/>
              </a:ext>
            </a:extLst>
          </p:cNvPr>
          <p:cNvSpPr>
            <a:spLocks noGrp="1" noChangeAspect="1"/>
          </p:cNvSpPr>
          <p:nvPr>
            <p:ph type="pic" sz="quarter" idx="20" hasCustomPrompt="1"/>
          </p:nvPr>
        </p:nvSpPr>
        <p:spPr>
          <a:xfrm>
            <a:off x="7039725" y="1143192"/>
            <a:ext cx="719831" cy="720000"/>
          </a:xfrm>
          <a:prstGeom prst="flowChartConnector">
            <a:avLst/>
          </a:prstGeom>
          <a:solidFill>
            <a:schemeClr val="bg1">
              <a:lumMod val="95000"/>
            </a:schemeClr>
          </a:solidFill>
        </p:spPr>
        <p:txBody>
          <a:bodyPr/>
          <a:lstStyle>
            <a:lvl1pPr marL="0" indent="0" algn="ctr">
              <a:buNone/>
              <a:defRPr sz="700"/>
            </a:lvl1pPr>
          </a:lstStyle>
          <a:p>
            <a:r>
              <a:rPr lang="fr-CH" dirty="0" err="1"/>
              <a:t>Bild</a:t>
            </a:r>
            <a:r>
              <a:rPr lang="fr-CH" dirty="0"/>
              <a:t> via Homburger-</a:t>
            </a:r>
            <a:r>
              <a:rPr lang="fr-CH" dirty="0" err="1"/>
              <a:t>Menü</a:t>
            </a:r>
            <a:r>
              <a:rPr lang="fr-CH" dirty="0"/>
              <a:t> </a:t>
            </a:r>
            <a:r>
              <a:rPr lang="fr-CH" dirty="0" err="1"/>
              <a:t>einfügen</a:t>
            </a:r>
            <a:endParaRPr lang="fr-CH" dirty="0"/>
          </a:p>
        </p:txBody>
      </p:sp>
      <p:sp>
        <p:nvSpPr>
          <p:cNvPr id="19" name="Title 1">
            <a:extLst>
              <a:ext uri="{FF2B5EF4-FFF2-40B4-BE49-F238E27FC236}">
                <a16:creationId xmlns:a16="http://schemas.microsoft.com/office/drawing/2014/main" id="{9971AAFF-580F-4852-94F4-C6F21B6C563D}"/>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21" name="Subtitle 2">
            <a:extLst>
              <a:ext uri="{FF2B5EF4-FFF2-40B4-BE49-F238E27FC236}">
                <a16:creationId xmlns:a16="http://schemas.microsoft.com/office/drawing/2014/main" id="{4FAB923C-AA0B-4DA0-8F18-132D60F62669}"/>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22" name="Foliennummernplatzhalter 2">
            <a:extLst>
              <a:ext uri="{FF2B5EF4-FFF2-40B4-BE49-F238E27FC236}">
                <a16:creationId xmlns:a16="http://schemas.microsoft.com/office/drawing/2014/main" id="{0255E5FC-CDCB-42FC-A077-91F9146EF795}"/>
              </a:ext>
            </a:extLst>
          </p:cNvPr>
          <p:cNvSpPr>
            <a:spLocks noGrp="1"/>
          </p:cNvSpPr>
          <p:nvPr>
            <p:ph type="sldNum" sz="quarter" idx="16"/>
          </p:nvPr>
        </p:nvSpPr>
        <p:spPr>
          <a:xfrm>
            <a:off x="0" y="6858000"/>
            <a:ext cx="0" cy="0"/>
          </a:xfrm>
        </p:spPr>
        <p:txBody>
          <a:bodyPr/>
          <a:lstStyle>
            <a:lvl1pPr>
              <a:defRPr>
                <a:noFill/>
              </a:defRPr>
            </a:lvl1pPr>
          </a:lstStyle>
          <a:p>
            <a:endParaRPr lang="fr-CH" dirty="0"/>
          </a:p>
        </p:txBody>
      </p:sp>
      <p:sp>
        <p:nvSpPr>
          <p:cNvPr id="34" name="Text Placeholder 12">
            <a:extLst>
              <a:ext uri="{FF2B5EF4-FFF2-40B4-BE49-F238E27FC236}">
                <a16:creationId xmlns:a16="http://schemas.microsoft.com/office/drawing/2014/main" id="{DCAE8430-8FA9-4C5E-8031-2FB640A09C5D}"/>
              </a:ext>
            </a:extLst>
          </p:cNvPr>
          <p:cNvSpPr>
            <a:spLocks noGrp="1"/>
          </p:cNvSpPr>
          <p:nvPr>
            <p:ph type="body" sz="quarter" idx="15"/>
          </p:nvPr>
        </p:nvSpPr>
        <p:spPr>
          <a:xfrm>
            <a:off x="8008752" y="1145063"/>
            <a:ext cx="3559361" cy="792529"/>
          </a:xfrm>
        </p:spPr>
        <p:txBody>
          <a:bodyPr/>
          <a:lstStyle>
            <a:lvl1pPr marL="0" indent="0">
              <a:lnSpc>
                <a:spcPct val="122000"/>
              </a:lnSpc>
              <a:spcBef>
                <a:spcPts val="0"/>
              </a:spcBef>
              <a:buNone/>
              <a:defRPr sz="1200" b="0"/>
            </a:lvl1pPr>
          </a:lstStyle>
          <a:p>
            <a:pPr lvl="0"/>
            <a:r>
              <a:rPr lang="fr-CH" dirty="0" err="1"/>
              <a:t>Mastertextformat</a:t>
            </a:r>
            <a:r>
              <a:rPr lang="fr-CH" dirty="0"/>
              <a:t> </a:t>
            </a:r>
            <a:r>
              <a:rPr lang="fr-CH" dirty="0" err="1"/>
              <a:t>bearbeiten</a:t>
            </a:r>
            <a:endParaRPr lang="fr-CH" dirty="0"/>
          </a:p>
        </p:txBody>
      </p:sp>
      <p:sp>
        <p:nvSpPr>
          <p:cNvPr id="18" name="Text Placeholder 12">
            <a:extLst>
              <a:ext uri="{FF2B5EF4-FFF2-40B4-BE49-F238E27FC236}">
                <a16:creationId xmlns:a16="http://schemas.microsoft.com/office/drawing/2014/main" id="{87184ACD-ECF1-4A9B-8FAA-3AF8FE908F8A}"/>
              </a:ext>
            </a:extLst>
          </p:cNvPr>
          <p:cNvSpPr>
            <a:spLocks noGrp="1"/>
          </p:cNvSpPr>
          <p:nvPr>
            <p:ph type="body" sz="quarter" idx="21"/>
          </p:nvPr>
        </p:nvSpPr>
        <p:spPr>
          <a:xfrm>
            <a:off x="8008752" y="1998259"/>
            <a:ext cx="3559361" cy="792529"/>
          </a:xfrm>
        </p:spPr>
        <p:txBody>
          <a:bodyPr/>
          <a:lstStyle>
            <a:lvl1pPr marL="0" indent="0">
              <a:lnSpc>
                <a:spcPct val="122000"/>
              </a:lnSpc>
              <a:spcBef>
                <a:spcPts val="0"/>
              </a:spcBef>
              <a:buNone/>
              <a:defRPr sz="1200" b="0"/>
            </a:lvl1pPr>
          </a:lstStyle>
          <a:p>
            <a:pPr lvl="0"/>
            <a:r>
              <a:rPr lang="fr-CH" dirty="0" err="1"/>
              <a:t>Mastertextformat</a:t>
            </a:r>
            <a:r>
              <a:rPr lang="fr-CH" dirty="0"/>
              <a:t> </a:t>
            </a:r>
            <a:r>
              <a:rPr lang="fr-CH" dirty="0" err="1"/>
              <a:t>bearbeiten</a:t>
            </a:r>
            <a:endParaRPr lang="fr-CH" dirty="0"/>
          </a:p>
        </p:txBody>
      </p:sp>
      <p:sp>
        <p:nvSpPr>
          <p:cNvPr id="20" name="Text Placeholder 12">
            <a:extLst>
              <a:ext uri="{FF2B5EF4-FFF2-40B4-BE49-F238E27FC236}">
                <a16:creationId xmlns:a16="http://schemas.microsoft.com/office/drawing/2014/main" id="{D96B15FE-FE3D-4936-B0FD-B1F7E86158AA}"/>
              </a:ext>
            </a:extLst>
          </p:cNvPr>
          <p:cNvSpPr>
            <a:spLocks noGrp="1"/>
          </p:cNvSpPr>
          <p:nvPr>
            <p:ph type="body" sz="quarter" idx="22"/>
          </p:nvPr>
        </p:nvSpPr>
        <p:spPr>
          <a:xfrm>
            <a:off x="8008752" y="2851455"/>
            <a:ext cx="3559361" cy="792529"/>
          </a:xfrm>
        </p:spPr>
        <p:txBody>
          <a:bodyPr/>
          <a:lstStyle>
            <a:lvl1pPr marL="0" indent="0">
              <a:lnSpc>
                <a:spcPct val="122000"/>
              </a:lnSpc>
              <a:spcBef>
                <a:spcPts val="0"/>
              </a:spcBef>
              <a:buNone/>
              <a:defRPr sz="1200" b="0"/>
            </a:lvl1pPr>
          </a:lstStyle>
          <a:p>
            <a:pPr lvl="0"/>
            <a:r>
              <a:rPr lang="fr-CH" dirty="0" err="1"/>
              <a:t>Mastertextformat</a:t>
            </a:r>
            <a:r>
              <a:rPr lang="fr-CH" dirty="0"/>
              <a:t> </a:t>
            </a:r>
            <a:r>
              <a:rPr lang="fr-CH" dirty="0" err="1"/>
              <a:t>bearbeiten</a:t>
            </a:r>
            <a:endParaRPr lang="fr-CH" dirty="0"/>
          </a:p>
        </p:txBody>
      </p:sp>
      <p:sp>
        <p:nvSpPr>
          <p:cNvPr id="35" name="Bildplatzhalter 4">
            <a:extLst>
              <a:ext uri="{FF2B5EF4-FFF2-40B4-BE49-F238E27FC236}">
                <a16:creationId xmlns:a16="http://schemas.microsoft.com/office/drawing/2014/main" id="{358506B2-73A8-4120-A32D-4583CEBFF258}"/>
              </a:ext>
            </a:extLst>
          </p:cNvPr>
          <p:cNvSpPr>
            <a:spLocks noGrp="1" noChangeAspect="1"/>
          </p:cNvSpPr>
          <p:nvPr>
            <p:ph type="pic" sz="quarter" idx="23" hasCustomPrompt="1"/>
          </p:nvPr>
        </p:nvSpPr>
        <p:spPr>
          <a:xfrm>
            <a:off x="7039725" y="1984713"/>
            <a:ext cx="719831" cy="720000"/>
          </a:xfrm>
          <a:prstGeom prst="flowChartConnector">
            <a:avLst/>
          </a:prstGeom>
          <a:solidFill>
            <a:schemeClr val="bg1">
              <a:lumMod val="95000"/>
            </a:schemeClr>
          </a:solidFill>
        </p:spPr>
        <p:txBody>
          <a:bodyPr/>
          <a:lstStyle>
            <a:lvl1pPr marL="0" indent="0" algn="ctr">
              <a:buNone/>
              <a:defRPr sz="700"/>
            </a:lvl1pPr>
          </a:lstStyle>
          <a:p>
            <a:r>
              <a:rPr lang="fr-CH" dirty="0" err="1"/>
              <a:t>Bild</a:t>
            </a:r>
            <a:r>
              <a:rPr lang="fr-CH" dirty="0"/>
              <a:t> via Homburger-</a:t>
            </a:r>
            <a:r>
              <a:rPr lang="fr-CH" dirty="0" err="1"/>
              <a:t>Menü</a:t>
            </a:r>
            <a:r>
              <a:rPr lang="fr-CH" dirty="0"/>
              <a:t> </a:t>
            </a:r>
            <a:r>
              <a:rPr lang="fr-CH" dirty="0" err="1"/>
              <a:t>einfügen</a:t>
            </a:r>
            <a:endParaRPr lang="fr-CH" dirty="0"/>
          </a:p>
        </p:txBody>
      </p:sp>
      <p:sp>
        <p:nvSpPr>
          <p:cNvPr id="36" name="Bildplatzhalter 4">
            <a:extLst>
              <a:ext uri="{FF2B5EF4-FFF2-40B4-BE49-F238E27FC236}">
                <a16:creationId xmlns:a16="http://schemas.microsoft.com/office/drawing/2014/main" id="{1FCEF19B-2507-4FCF-A99F-8F05523759D5}"/>
              </a:ext>
            </a:extLst>
          </p:cNvPr>
          <p:cNvSpPr>
            <a:spLocks noGrp="1" noChangeAspect="1"/>
          </p:cNvSpPr>
          <p:nvPr>
            <p:ph type="pic" sz="quarter" idx="24" hasCustomPrompt="1"/>
          </p:nvPr>
        </p:nvSpPr>
        <p:spPr>
          <a:xfrm>
            <a:off x="7039725" y="2826234"/>
            <a:ext cx="719831" cy="720000"/>
          </a:xfrm>
          <a:prstGeom prst="flowChartConnector">
            <a:avLst/>
          </a:prstGeom>
          <a:solidFill>
            <a:schemeClr val="bg1">
              <a:lumMod val="95000"/>
            </a:schemeClr>
          </a:solidFill>
        </p:spPr>
        <p:txBody>
          <a:bodyPr/>
          <a:lstStyle>
            <a:lvl1pPr marL="0" marR="0" indent="0" algn="ctr" defTabSz="914400" rtl="0" eaLnBrk="1" fontAlgn="auto" latinLnBrk="0" hangingPunct="1">
              <a:lnSpc>
                <a:spcPct val="122000"/>
              </a:lnSpc>
              <a:spcBef>
                <a:spcPts val="400"/>
              </a:spcBef>
              <a:spcAft>
                <a:spcPts val="0"/>
              </a:spcAft>
              <a:buClrTx/>
              <a:buSzTx/>
              <a:buFont typeface="Aktiv Grotesk Homburger" panose="020B0404020202020204" pitchFamily="34" charset="0"/>
              <a:buNone/>
              <a:tabLst/>
              <a:defRPr sz="700"/>
            </a:lvl1pPr>
          </a:lstStyle>
          <a:p>
            <a:pPr marL="0" marR="0" lvl="0" indent="0" algn="ctr" defTabSz="914400" rtl="0" eaLnBrk="1" fontAlgn="auto" latinLnBrk="0" hangingPunct="1">
              <a:lnSpc>
                <a:spcPct val="122000"/>
              </a:lnSpc>
              <a:spcBef>
                <a:spcPts val="400"/>
              </a:spcBef>
              <a:spcAft>
                <a:spcPts val="0"/>
              </a:spcAft>
              <a:buClrTx/>
              <a:buSzTx/>
              <a:buFont typeface="Aktiv Grotesk Homburger" panose="020B0404020202020204" pitchFamily="34" charset="0"/>
              <a:buNone/>
              <a:tabLst/>
              <a:defRPr/>
            </a:pPr>
            <a:r>
              <a:rPr lang="fr-CH" dirty="0" err="1"/>
              <a:t>Bild</a:t>
            </a:r>
            <a:r>
              <a:rPr lang="fr-CH" dirty="0"/>
              <a:t> via Homburger-</a:t>
            </a:r>
            <a:r>
              <a:rPr lang="fr-CH" dirty="0" err="1"/>
              <a:t>Menü</a:t>
            </a:r>
            <a:r>
              <a:rPr lang="fr-CH" dirty="0"/>
              <a:t> </a:t>
            </a:r>
            <a:r>
              <a:rPr lang="fr-CH" dirty="0" err="1"/>
              <a:t>einfügen</a:t>
            </a:r>
            <a:endParaRPr lang="fr-CH" dirty="0"/>
          </a:p>
        </p:txBody>
      </p:sp>
      <p:sp>
        <p:nvSpPr>
          <p:cNvPr id="17" name="Bildplatzhalter 4">
            <a:extLst>
              <a:ext uri="{FF2B5EF4-FFF2-40B4-BE49-F238E27FC236}">
                <a16:creationId xmlns:a16="http://schemas.microsoft.com/office/drawing/2014/main" id="{685BB608-8DC7-4C38-982B-38A6F5F0B379}"/>
              </a:ext>
            </a:extLst>
          </p:cNvPr>
          <p:cNvSpPr>
            <a:spLocks noGrp="1" noChangeAspect="1"/>
          </p:cNvSpPr>
          <p:nvPr>
            <p:ph type="pic" sz="quarter" idx="25" hasCustomPrompt="1"/>
          </p:nvPr>
        </p:nvSpPr>
        <p:spPr>
          <a:xfrm>
            <a:off x="7039725" y="3667755"/>
            <a:ext cx="719831" cy="720000"/>
          </a:xfrm>
          <a:prstGeom prst="flowChartConnector">
            <a:avLst/>
          </a:prstGeom>
          <a:solidFill>
            <a:schemeClr val="bg1">
              <a:lumMod val="95000"/>
            </a:schemeClr>
          </a:solidFill>
        </p:spPr>
        <p:txBody>
          <a:bodyPr/>
          <a:lstStyle>
            <a:lvl1pPr marL="0" indent="0" algn="ctr">
              <a:buNone/>
              <a:defRPr sz="700"/>
            </a:lvl1pPr>
          </a:lstStyle>
          <a:p>
            <a:r>
              <a:rPr lang="fr-CH" dirty="0" err="1"/>
              <a:t>Bild</a:t>
            </a:r>
            <a:r>
              <a:rPr lang="fr-CH" dirty="0"/>
              <a:t> via Homburger-</a:t>
            </a:r>
            <a:r>
              <a:rPr lang="fr-CH" dirty="0" err="1"/>
              <a:t>Menü</a:t>
            </a:r>
            <a:r>
              <a:rPr lang="fr-CH" dirty="0"/>
              <a:t> </a:t>
            </a:r>
            <a:r>
              <a:rPr lang="fr-CH" dirty="0" err="1"/>
              <a:t>einfügen</a:t>
            </a:r>
            <a:endParaRPr lang="fr-CH" dirty="0"/>
          </a:p>
        </p:txBody>
      </p:sp>
      <p:sp>
        <p:nvSpPr>
          <p:cNvPr id="25" name="Bildplatzhalter 4">
            <a:extLst>
              <a:ext uri="{FF2B5EF4-FFF2-40B4-BE49-F238E27FC236}">
                <a16:creationId xmlns:a16="http://schemas.microsoft.com/office/drawing/2014/main" id="{1AE126E2-4C77-4BE4-AD69-78373C1FE2EB}"/>
              </a:ext>
            </a:extLst>
          </p:cNvPr>
          <p:cNvSpPr>
            <a:spLocks noGrp="1" noChangeAspect="1"/>
          </p:cNvSpPr>
          <p:nvPr>
            <p:ph type="pic" sz="quarter" idx="26" hasCustomPrompt="1"/>
          </p:nvPr>
        </p:nvSpPr>
        <p:spPr>
          <a:xfrm>
            <a:off x="7039725" y="4509276"/>
            <a:ext cx="719831" cy="720000"/>
          </a:xfrm>
          <a:prstGeom prst="flowChartConnector">
            <a:avLst/>
          </a:prstGeom>
          <a:solidFill>
            <a:schemeClr val="bg1">
              <a:lumMod val="95000"/>
            </a:schemeClr>
          </a:solidFill>
        </p:spPr>
        <p:txBody>
          <a:bodyPr/>
          <a:lstStyle>
            <a:lvl1pPr marL="0" marR="0" indent="0" algn="ctr" defTabSz="914400" rtl="0" eaLnBrk="1" fontAlgn="auto" latinLnBrk="0" hangingPunct="1">
              <a:lnSpc>
                <a:spcPct val="122000"/>
              </a:lnSpc>
              <a:spcBef>
                <a:spcPts val="400"/>
              </a:spcBef>
              <a:spcAft>
                <a:spcPts val="0"/>
              </a:spcAft>
              <a:buClrTx/>
              <a:buSzTx/>
              <a:buFont typeface="Aktiv Grotesk Homburger" panose="020B0404020202020204" pitchFamily="34" charset="0"/>
              <a:buNone/>
              <a:tabLst/>
              <a:defRPr sz="700"/>
            </a:lvl1pPr>
          </a:lstStyle>
          <a:p>
            <a:pPr marL="0" marR="0" lvl="0" indent="0" algn="ctr" defTabSz="914400" rtl="0" eaLnBrk="1" fontAlgn="auto" latinLnBrk="0" hangingPunct="1">
              <a:lnSpc>
                <a:spcPct val="122000"/>
              </a:lnSpc>
              <a:spcBef>
                <a:spcPts val="400"/>
              </a:spcBef>
              <a:spcAft>
                <a:spcPts val="0"/>
              </a:spcAft>
              <a:buClrTx/>
              <a:buSzTx/>
              <a:buFont typeface="Aktiv Grotesk Homburger" panose="020B0404020202020204" pitchFamily="34" charset="0"/>
              <a:buNone/>
              <a:tabLst/>
              <a:defRPr/>
            </a:pPr>
            <a:r>
              <a:rPr lang="fr-CH" dirty="0" err="1"/>
              <a:t>Bild</a:t>
            </a:r>
            <a:r>
              <a:rPr lang="fr-CH" dirty="0"/>
              <a:t> via Homburger-</a:t>
            </a:r>
            <a:r>
              <a:rPr lang="fr-CH" dirty="0" err="1"/>
              <a:t>Menü</a:t>
            </a:r>
            <a:r>
              <a:rPr lang="fr-CH" dirty="0"/>
              <a:t> </a:t>
            </a:r>
            <a:r>
              <a:rPr lang="fr-CH" dirty="0" err="1"/>
              <a:t>einfügen</a:t>
            </a:r>
            <a:endParaRPr lang="fr-CH" dirty="0"/>
          </a:p>
        </p:txBody>
      </p:sp>
      <p:sp>
        <p:nvSpPr>
          <p:cNvPr id="28" name="Text Placeholder 12">
            <a:extLst>
              <a:ext uri="{FF2B5EF4-FFF2-40B4-BE49-F238E27FC236}">
                <a16:creationId xmlns:a16="http://schemas.microsoft.com/office/drawing/2014/main" id="{2BF1E7D5-B1E2-4E07-85D5-94EA5E8C3285}"/>
              </a:ext>
            </a:extLst>
          </p:cNvPr>
          <p:cNvSpPr>
            <a:spLocks noGrp="1"/>
          </p:cNvSpPr>
          <p:nvPr>
            <p:ph type="body" sz="quarter" idx="27"/>
          </p:nvPr>
        </p:nvSpPr>
        <p:spPr>
          <a:xfrm>
            <a:off x="8008752" y="3704652"/>
            <a:ext cx="3559361" cy="792529"/>
          </a:xfrm>
        </p:spPr>
        <p:txBody>
          <a:bodyPr/>
          <a:lstStyle>
            <a:lvl1pPr marL="0" indent="0">
              <a:lnSpc>
                <a:spcPct val="122000"/>
              </a:lnSpc>
              <a:spcBef>
                <a:spcPts val="0"/>
              </a:spcBef>
              <a:buNone/>
              <a:defRPr sz="1200" b="0"/>
            </a:lvl1pPr>
          </a:lstStyle>
          <a:p>
            <a:pPr lvl="0"/>
            <a:r>
              <a:rPr lang="fr-CH" dirty="0" err="1"/>
              <a:t>Mastertextformat</a:t>
            </a:r>
            <a:r>
              <a:rPr lang="fr-CH" dirty="0"/>
              <a:t> </a:t>
            </a:r>
            <a:r>
              <a:rPr lang="fr-CH" dirty="0" err="1"/>
              <a:t>bearbeiten</a:t>
            </a:r>
            <a:endParaRPr lang="fr-CH" dirty="0"/>
          </a:p>
        </p:txBody>
      </p:sp>
      <p:sp>
        <p:nvSpPr>
          <p:cNvPr id="29" name="Text Placeholder 12">
            <a:extLst>
              <a:ext uri="{FF2B5EF4-FFF2-40B4-BE49-F238E27FC236}">
                <a16:creationId xmlns:a16="http://schemas.microsoft.com/office/drawing/2014/main" id="{E14B96F4-359B-46AA-824E-1A362A391131}"/>
              </a:ext>
            </a:extLst>
          </p:cNvPr>
          <p:cNvSpPr>
            <a:spLocks noGrp="1"/>
          </p:cNvSpPr>
          <p:nvPr>
            <p:ph type="body" sz="quarter" idx="28"/>
          </p:nvPr>
        </p:nvSpPr>
        <p:spPr>
          <a:xfrm>
            <a:off x="8008752" y="4557849"/>
            <a:ext cx="3559361" cy="792529"/>
          </a:xfrm>
        </p:spPr>
        <p:txBody>
          <a:bodyPr/>
          <a:lstStyle>
            <a:lvl1pPr marL="0" indent="0">
              <a:lnSpc>
                <a:spcPct val="122000"/>
              </a:lnSpc>
              <a:spcBef>
                <a:spcPts val="0"/>
              </a:spcBef>
              <a:buNone/>
              <a:defRPr sz="1200" b="0"/>
            </a:lvl1pPr>
          </a:lstStyle>
          <a:p>
            <a:pPr lvl="0"/>
            <a:r>
              <a:rPr lang="fr-CH" dirty="0" err="1"/>
              <a:t>Mastertextformat</a:t>
            </a:r>
            <a:r>
              <a:rPr lang="fr-CH" dirty="0"/>
              <a:t> </a:t>
            </a:r>
            <a:r>
              <a:rPr lang="fr-CH" dirty="0" err="1"/>
              <a:t>bearbeiten</a:t>
            </a:r>
            <a:endParaRPr lang="fr-CH" dirty="0"/>
          </a:p>
        </p:txBody>
      </p:sp>
      <p:sp>
        <p:nvSpPr>
          <p:cNvPr id="30" name="Content Placeholder 3">
            <a:extLst>
              <a:ext uri="{FF2B5EF4-FFF2-40B4-BE49-F238E27FC236}">
                <a16:creationId xmlns:a16="http://schemas.microsoft.com/office/drawing/2014/main" id="{42FEBE03-2955-46AD-A6CF-59353A8C6E97}"/>
              </a:ext>
            </a:extLst>
          </p:cNvPr>
          <p:cNvSpPr>
            <a:spLocks noGrp="1"/>
          </p:cNvSpPr>
          <p:nvPr>
            <p:ph sz="half" idx="29"/>
          </p:nvPr>
        </p:nvSpPr>
        <p:spPr>
          <a:xfrm>
            <a:off x="335360" y="1916113"/>
            <a:ext cx="3600053" cy="3313163"/>
          </a:xfrm>
        </p:spPr>
        <p:txBody>
          <a:bodyPr vert="horz" lIns="0" tIns="0" rIns="0" bIns="0" rtlCol="0">
            <a:noAutofit/>
          </a:bodyPr>
          <a:lstStyle>
            <a:lvl1pPr>
              <a:defRPr lang="de-CH" sz="1400"/>
            </a:lvl1pPr>
            <a:lvl2pPr>
              <a:defRPr lang="de-CH" sz="1400"/>
            </a:lvl2pPr>
            <a:lvl3pPr>
              <a:defRPr lang="de-CH" sz="1400"/>
            </a:lvl3pPr>
            <a:lvl4pPr>
              <a:defRPr lang="de-CH" sz="1400"/>
            </a:lvl4pPr>
            <a:lvl5pPr>
              <a:defRPr lang="de-CH" sz="1400" dirty="0"/>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2" name="TextBox 1">
            <a:extLst>
              <a:ext uri="{FF2B5EF4-FFF2-40B4-BE49-F238E27FC236}">
                <a16:creationId xmlns:a16="http://schemas.microsoft.com/office/drawing/2014/main" id="{DEA51CED-1838-4094-B6FB-602E9E4B88FD}"/>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8" name="Datumsplatzhalter 3">
            <a:extLst>
              <a:ext uri="{FF2B5EF4-FFF2-40B4-BE49-F238E27FC236}">
                <a16:creationId xmlns:a16="http://schemas.microsoft.com/office/drawing/2014/main" id="{79A3EE1C-2666-EB5F-5B9F-D30FF5F173CA}"/>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3880576958"/>
      </p:ext>
    </p:extLst>
  </p:cSld>
  <p:clrMapOvr>
    <a:masterClrMapping/>
  </p:clrMapOvr>
  <p:hf hdr="0"/>
</p:sldLayout>
</file>

<file path=ppt/slideLayouts/slideLayout45.xml><?xml version="1.0" encoding="utf-8"?>
<p:sldLayout xmlns:a="http://schemas.openxmlformats.org/drawingml/2006/main" xmlns:r="http://schemas.openxmlformats.org/officeDocument/2006/relationships" xmlns:p="http://schemas.openxmlformats.org/presentationml/2006/main" matchingName="Fallübersicht" preserve="1" userDrawn="1">
  <p:cSld name="Fallübersicht">
    <p:spTree>
      <p:nvGrpSpPr>
        <p:cNvPr id="1" name=""/>
        <p:cNvGrpSpPr/>
        <p:nvPr/>
      </p:nvGrpSpPr>
      <p:grpSpPr>
        <a:xfrm>
          <a:off x="0" y="0"/>
          <a:ext cx="0" cy="0"/>
          <a:chOff x="0" y="0"/>
          <a:chExt cx="0" cy="0"/>
        </a:xfrm>
      </p:grpSpPr>
      <p:sp>
        <p:nvSpPr>
          <p:cNvPr id="5" name="Bildplatzhalter 4">
            <a:extLst>
              <a:ext uri="{FF2B5EF4-FFF2-40B4-BE49-F238E27FC236}">
                <a16:creationId xmlns:a16="http://schemas.microsoft.com/office/drawing/2014/main" id="{003EA353-F64A-425E-88C2-CF325915D950}"/>
              </a:ext>
            </a:extLst>
          </p:cNvPr>
          <p:cNvSpPr>
            <a:spLocks noGrp="1"/>
          </p:cNvSpPr>
          <p:nvPr>
            <p:ph type="pic" sz="quarter" idx="20" hasCustomPrompt="1"/>
          </p:nvPr>
        </p:nvSpPr>
        <p:spPr>
          <a:xfrm>
            <a:off x="8832305" y="2357858"/>
            <a:ext cx="719829" cy="720000"/>
          </a:xfrm>
          <a:prstGeom prst="flowChartConnector">
            <a:avLst/>
          </a:prstGeom>
          <a:solidFill>
            <a:schemeClr val="bg1">
              <a:lumMod val="95000"/>
            </a:schemeClr>
          </a:solidFill>
        </p:spPr>
        <p:txBody>
          <a:bodyPr/>
          <a:lstStyle>
            <a:lvl1pPr marL="0" indent="0" algn="ctr">
              <a:buNone/>
              <a:defRPr sz="700"/>
            </a:lvl1pPr>
          </a:lstStyle>
          <a:p>
            <a:r>
              <a:rPr lang="fr-CH" dirty="0" err="1"/>
              <a:t>Bild</a:t>
            </a:r>
            <a:r>
              <a:rPr lang="fr-CH" dirty="0"/>
              <a:t> via Homburger-</a:t>
            </a:r>
            <a:r>
              <a:rPr lang="fr-CH" dirty="0" err="1"/>
              <a:t>Menü</a:t>
            </a:r>
            <a:r>
              <a:rPr lang="fr-CH" dirty="0"/>
              <a:t> </a:t>
            </a:r>
            <a:r>
              <a:rPr lang="fr-CH" dirty="0" err="1"/>
              <a:t>einfügen</a:t>
            </a:r>
            <a:endParaRPr lang="fr-CH" dirty="0"/>
          </a:p>
        </p:txBody>
      </p:sp>
      <p:sp>
        <p:nvSpPr>
          <p:cNvPr id="19" name="Title 1">
            <a:extLst>
              <a:ext uri="{FF2B5EF4-FFF2-40B4-BE49-F238E27FC236}">
                <a16:creationId xmlns:a16="http://schemas.microsoft.com/office/drawing/2014/main" id="{9971AAFF-580F-4852-94F4-C6F21B6C563D}"/>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21" name="Subtitle 2">
            <a:extLst>
              <a:ext uri="{FF2B5EF4-FFF2-40B4-BE49-F238E27FC236}">
                <a16:creationId xmlns:a16="http://schemas.microsoft.com/office/drawing/2014/main" id="{4FAB923C-AA0B-4DA0-8F18-132D60F62669}"/>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35" name="Bildplatzhalter 4">
            <a:extLst>
              <a:ext uri="{FF2B5EF4-FFF2-40B4-BE49-F238E27FC236}">
                <a16:creationId xmlns:a16="http://schemas.microsoft.com/office/drawing/2014/main" id="{358506B2-73A8-4120-A32D-4583CEBFF258}"/>
              </a:ext>
            </a:extLst>
          </p:cNvPr>
          <p:cNvSpPr>
            <a:spLocks noGrp="1"/>
          </p:cNvSpPr>
          <p:nvPr>
            <p:ph type="pic" sz="quarter" idx="23" hasCustomPrompt="1"/>
          </p:nvPr>
        </p:nvSpPr>
        <p:spPr>
          <a:xfrm>
            <a:off x="8832305" y="3209938"/>
            <a:ext cx="719829" cy="720000"/>
          </a:xfrm>
          <a:prstGeom prst="flowChartConnector">
            <a:avLst/>
          </a:prstGeom>
          <a:solidFill>
            <a:schemeClr val="bg1">
              <a:lumMod val="95000"/>
            </a:schemeClr>
          </a:solidFill>
        </p:spPr>
        <p:txBody>
          <a:bodyPr/>
          <a:lstStyle>
            <a:lvl1pPr marL="0" indent="0" algn="ctr">
              <a:buNone/>
              <a:defRPr sz="700"/>
            </a:lvl1pPr>
          </a:lstStyle>
          <a:p>
            <a:r>
              <a:rPr lang="fr-CH" dirty="0" err="1"/>
              <a:t>Bild</a:t>
            </a:r>
            <a:r>
              <a:rPr lang="fr-CH" dirty="0"/>
              <a:t> via Homburger-</a:t>
            </a:r>
            <a:r>
              <a:rPr lang="fr-CH" dirty="0" err="1"/>
              <a:t>Menü</a:t>
            </a:r>
            <a:r>
              <a:rPr lang="fr-CH" dirty="0"/>
              <a:t> </a:t>
            </a:r>
            <a:r>
              <a:rPr lang="fr-CH" dirty="0" err="1"/>
              <a:t>einfügen</a:t>
            </a:r>
            <a:endParaRPr lang="fr-CH" dirty="0"/>
          </a:p>
        </p:txBody>
      </p:sp>
      <p:sp>
        <p:nvSpPr>
          <p:cNvPr id="2" name="TextBox 1">
            <a:extLst>
              <a:ext uri="{FF2B5EF4-FFF2-40B4-BE49-F238E27FC236}">
                <a16:creationId xmlns:a16="http://schemas.microsoft.com/office/drawing/2014/main" id="{A3964FE7-F06D-4787-B911-B48EEEBC7776}"/>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4" name="Textplatzhalter 3">
            <a:extLst>
              <a:ext uri="{FF2B5EF4-FFF2-40B4-BE49-F238E27FC236}">
                <a16:creationId xmlns:a16="http://schemas.microsoft.com/office/drawing/2014/main" id="{62D925A4-D532-40E9-9DF0-C20FEEC7C3EE}"/>
              </a:ext>
            </a:extLst>
          </p:cNvPr>
          <p:cNvSpPr>
            <a:spLocks noGrp="1"/>
          </p:cNvSpPr>
          <p:nvPr>
            <p:ph type="body" sz="quarter" idx="24"/>
          </p:nvPr>
        </p:nvSpPr>
        <p:spPr>
          <a:xfrm>
            <a:off x="8832304" y="1916113"/>
            <a:ext cx="2735809" cy="210250"/>
          </a:xfrm>
        </p:spPr>
        <p:txBody>
          <a:bodyPr>
            <a:noAutofit/>
          </a:bodyPr>
          <a:lstStyle>
            <a:lvl1pPr marL="0" indent="0">
              <a:buNone/>
              <a:defRPr/>
            </a:lvl1pPr>
          </a:lstStyle>
          <a:p>
            <a:pPr lvl="0"/>
            <a:r>
              <a:rPr lang="fr-CH" dirty="0" err="1"/>
              <a:t>Mastertextformat</a:t>
            </a:r>
            <a:r>
              <a:rPr lang="fr-CH" dirty="0"/>
              <a:t> </a:t>
            </a:r>
            <a:r>
              <a:rPr lang="fr-CH" dirty="0" err="1"/>
              <a:t>bearbeiten</a:t>
            </a:r>
            <a:endParaRPr lang="fr-CH" dirty="0"/>
          </a:p>
        </p:txBody>
      </p:sp>
      <p:sp>
        <p:nvSpPr>
          <p:cNvPr id="13" name="Textplatzhalter 12">
            <a:extLst>
              <a:ext uri="{FF2B5EF4-FFF2-40B4-BE49-F238E27FC236}">
                <a16:creationId xmlns:a16="http://schemas.microsoft.com/office/drawing/2014/main" id="{B0C2B037-37BD-4F2D-9311-83B19BD430F3}"/>
              </a:ext>
            </a:extLst>
          </p:cNvPr>
          <p:cNvSpPr>
            <a:spLocks noGrp="1"/>
          </p:cNvSpPr>
          <p:nvPr>
            <p:ph type="body" sz="quarter" idx="26"/>
          </p:nvPr>
        </p:nvSpPr>
        <p:spPr>
          <a:xfrm>
            <a:off x="334963" y="1916113"/>
            <a:ext cx="2879725" cy="4024312"/>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24" name="Textplatzhalter 23">
            <a:extLst>
              <a:ext uri="{FF2B5EF4-FFF2-40B4-BE49-F238E27FC236}">
                <a16:creationId xmlns:a16="http://schemas.microsoft.com/office/drawing/2014/main" id="{0D356B86-2B6D-4A8C-812E-B83410F42777}"/>
              </a:ext>
            </a:extLst>
          </p:cNvPr>
          <p:cNvSpPr>
            <a:spLocks noGrp="1"/>
          </p:cNvSpPr>
          <p:nvPr>
            <p:ph type="body" sz="quarter" idx="27"/>
          </p:nvPr>
        </p:nvSpPr>
        <p:spPr>
          <a:xfrm>
            <a:off x="4151783" y="1916113"/>
            <a:ext cx="4248472" cy="4033837"/>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4" name="Textplatzhalter 6">
            <a:extLst>
              <a:ext uri="{FF2B5EF4-FFF2-40B4-BE49-F238E27FC236}">
                <a16:creationId xmlns:a16="http://schemas.microsoft.com/office/drawing/2014/main" id="{82DD3F25-CDD7-4DC5-AAF7-BE87BFD79792}"/>
              </a:ext>
            </a:extLst>
          </p:cNvPr>
          <p:cNvSpPr>
            <a:spLocks noGrp="1"/>
          </p:cNvSpPr>
          <p:nvPr>
            <p:ph type="body" sz="quarter" idx="25"/>
          </p:nvPr>
        </p:nvSpPr>
        <p:spPr>
          <a:xfrm>
            <a:off x="9839473" y="2524715"/>
            <a:ext cx="1728640" cy="612000"/>
          </a:xfrm>
        </p:spPr>
        <p:txBody>
          <a:bodyPr>
            <a:noAutofit/>
          </a:bodyPr>
          <a:lstStyle>
            <a:lvl1pPr marL="0" indent="0">
              <a:spcBef>
                <a:spcPts val="0"/>
              </a:spcBef>
              <a:buNone/>
              <a:defRPr/>
            </a:lvl1pPr>
          </a:lstStyle>
          <a:p>
            <a:pPr lvl="0"/>
            <a:r>
              <a:rPr lang="fr-CH" dirty="0" err="1"/>
              <a:t>Mastertextformat</a:t>
            </a:r>
            <a:r>
              <a:rPr lang="fr-CH" dirty="0"/>
              <a:t> </a:t>
            </a:r>
            <a:r>
              <a:rPr lang="fr-CH" dirty="0" err="1"/>
              <a:t>bearbeiten</a:t>
            </a:r>
            <a:endParaRPr lang="fr-CH" dirty="0"/>
          </a:p>
        </p:txBody>
      </p:sp>
      <p:sp>
        <p:nvSpPr>
          <p:cNvPr id="15" name="Textplatzhalter 6">
            <a:extLst>
              <a:ext uri="{FF2B5EF4-FFF2-40B4-BE49-F238E27FC236}">
                <a16:creationId xmlns:a16="http://schemas.microsoft.com/office/drawing/2014/main" id="{136A2875-2468-4775-A3A5-042289658326}"/>
              </a:ext>
            </a:extLst>
          </p:cNvPr>
          <p:cNvSpPr>
            <a:spLocks noGrp="1"/>
          </p:cNvSpPr>
          <p:nvPr>
            <p:ph type="body" sz="quarter" idx="28"/>
          </p:nvPr>
        </p:nvSpPr>
        <p:spPr>
          <a:xfrm>
            <a:off x="9839473" y="3379834"/>
            <a:ext cx="1728640" cy="612000"/>
          </a:xfrm>
        </p:spPr>
        <p:txBody>
          <a:bodyPr>
            <a:noAutofit/>
          </a:bodyPr>
          <a:lstStyle>
            <a:lvl1pPr marL="0" indent="0">
              <a:spcBef>
                <a:spcPts val="0"/>
              </a:spcBef>
              <a:buNone/>
              <a:defRPr/>
            </a:lvl1pPr>
          </a:lstStyle>
          <a:p>
            <a:pPr lvl="0"/>
            <a:r>
              <a:rPr lang="fr-CH" dirty="0" err="1"/>
              <a:t>Mastertextformat</a:t>
            </a:r>
            <a:r>
              <a:rPr lang="fr-CH" dirty="0"/>
              <a:t> </a:t>
            </a:r>
            <a:r>
              <a:rPr lang="fr-CH" dirty="0" err="1"/>
              <a:t>bearbeiten</a:t>
            </a:r>
            <a:endParaRPr lang="fr-CH" dirty="0"/>
          </a:p>
        </p:txBody>
      </p:sp>
      <p:sp>
        <p:nvSpPr>
          <p:cNvPr id="9" name="Datumsplatzhalter 3">
            <a:extLst>
              <a:ext uri="{FF2B5EF4-FFF2-40B4-BE49-F238E27FC236}">
                <a16:creationId xmlns:a16="http://schemas.microsoft.com/office/drawing/2014/main" id="{DF2909D0-9D48-28B0-B44C-5242C88C9942}"/>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7" name="Foliennummernplatzhalter 2">
            <a:extLst>
              <a:ext uri="{FF2B5EF4-FFF2-40B4-BE49-F238E27FC236}">
                <a16:creationId xmlns:a16="http://schemas.microsoft.com/office/drawing/2014/main" id="{0F7F3D6A-04DB-DAD9-EC08-98A1AB3D92B3}"/>
              </a:ext>
            </a:extLst>
          </p:cNvPr>
          <p:cNvSpPr>
            <a:spLocks noGrp="1"/>
          </p:cNvSpPr>
          <p:nvPr>
            <p:ph type="sldNum" sz="quarter" idx="16"/>
          </p:nvPr>
        </p:nvSpPr>
        <p:spPr>
          <a:xfrm>
            <a:off x="0" y="6858000"/>
            <a:ext cx="0" cy="0"/>
          </a:xfrm>
        </p:spPr>
        <p:txBody>
          <a:bodyPr/>
          <a:lstStyle>
            <a:lvl1pPr>
              <a:defRPr>
                <a:noFill/>
              </a:defRPr>
            </a:lvl1pPr>
          </a:lstStyle>
          <a:p>
            <a:endParaRPr lang="fr-CH" dirty="0"/>
          </a:p>
        </p:txBody>
      </p:sp>
    </p:spTree>
    <p:extLst>
      <p:ext uri="{BB962C8B-B14F-4D97-AF65-F5344CB8AC3E}">
        <p14:creationId xmlns:p14="http://schemas.microsoft.com/office/powerpoint/2010/main" val="4017734860"/>
      </p:ext>
    </p:extLst>
  </p:cSld>
  <p:clrMapOvr>
    <a:masterClrMapping/>
  </p:clrMapOvr>
  <p:hf hdr="0"/>
</p:sldLayout>
</file>

<file path=ppt/slideLayouts/slideLayout46.xml><?xml version="1.0" encoding="utf-8"?>
<p:sldLayout xmlns:a="http://schemas.openxmlformats.org/drawingml/2006/main" xmlns:r="http://schemas.openxmlformats.org/officeDocument/2006/relationships" xmlns:p="http://schemas.openxmlformats.org/presentationml/2006/main" matchingName="Fallübersicht akzentuiert" preserve="1" userDrawn="1">
  <p:cSld name="Fallübersicht akzentuiert">
    <p:spTree>
      <p:nvGrpSpPr>
        <p:cNvPr id="1" name=""/>
        <p:cNvGrpSpPr/>
        <p:nvPr/>
      </p:nvGrpSpPr>
      <p:grpSpPr>
        <a:xfrm>
          <a:off x="0" y="0"/>
          <a:ext cx="0" cy="0"/>
          <a:chOff x="0" y="0"/>
          <a:chExt cx="0" cy="0"/>
        </a:xfrm>
      </p:grpSpPr>
      <p:sp>
        <p:nvSpPr>
          <p:cNvPr id="3" name="Rectangle 10">
            <a:extLst>
              <a:ext uri="{FF2B5EF4-FFF2-40B4-BE49-F238E27FC236}">
                <a16:creationId xmlns:a16="http://schemas.microsoft.com/office/drawing/2014/main" id="{62952DBC-34E3-4607-8AFB-03BBFF5B7B40}"/>
              </a:ext>
            </a:extLst>
          </p:cNvPr>
          <p:cNvSpPr/>
          <p:nvPr userDrawn="1"/>
        </p:nvSpPr>
        <p:spPr>
          <a:xfrm>
            <a:off x="-1" y="-429"/>
            <a:ext cx="352782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dirty="0"/>
          </a:p>
        </p:txBody>
      </p:sp>
      <p:sp>
        <p:nvSpPr>
          <p:cNvPr id="5" name="Bildplatzhalter 4">
            <a:extLst>
              <a:ext uri="{FF2B5EF4-FFF2-40B4-BE49-F238E27FC236}">
                <a16:creationId xmlns:a16="http://schemas.microsoft.com/office/drawing/2014/main" id="{003EA353-F64A-425E-88C2-CF325915D950}"/>
              </a:ext>
            </a:extLst>
          </p:cNvPr>
          <p:cNvSpPr>
            <a:spLocks noGrp="1"/>
          </p:cNvSpPr>
          <p:nvPr>
            <p:ph type="pic" sz="quarter" idx="20" hasCustomPrompt="1"/>
          </p:nvPr>
        </p:nvSpPr>
        <p:spPr>
          <a:xfrm>
            <a:off x="8832305" y="2357858"/>
            <a:ext cx="719829" cy="720000"/>
          </a:xfrm>
          <a:prstGeom prst="flowChartConnector">
            <a:avLst/>
          </a:prstGeom>
          <a:solidFill>
            <a:schemeClr val="bg1">
              <a:lumMod val="95000"/>
            </a:schemeClr>
          </a:solidFill>
        </p:spPr>
        <p:txBody>
          <a:bodyPr/>
          <a:lstStyle>
            <a:lvl1pPr marL="0" indent="0" algn="ctr">
              <a:buNone/>
              <a:defRPr sz="700"/>
            </a:lvl1pPr>
          </a:lstStyle>
          <a:p>
            <a:r>
              <a:rPr lang="fr-CH" dirty="0" err="1"/>
              <a:t>Bild</a:t>
            </a:r>
            <a:r>
              <a:rPr lang="fr-CH" dirty="0"/>
              <a:t> via Homburger-</a:t>
            </a:r>
            <a:r>
              <a:rPr lang="fr-CH" dirty="0" err="1"/>
              <a:t>Menü</a:t>
            </a:r>
            <a:r>
              <a:rPr lang="fr-CH" dirty="0"/>
              <a:t> </a:t>
            </a:r>
            <a:r>
              <a:rPr lang="fr-CH" dirty="0" err="1"/>
              <a:t>einfügen</a:t>
            </a:r>
            <a:endParaRPr lang="fr-CH" dirty="0"/>
          </a:p>
        </p:txBody>
      </p:sp>
      <p:sp>
        <p:nvSpPr>
          <p:cNvPr id="19" name="Title 1">
            <a:extLst>
              <a:ext uri="{FF2B5EF4-FFF2-40B4-BE49-F238E27FC236}">
                <a16:creationId xmlns:a16="http://schemas.microsoft.com/office/drawing/2014/main" id="{9971AAFF-580F-4852-94F4-C6F21B6C563D}"/>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21" name="Subtitle 2">
            <a:extLst>
              <a:ext uri="{FF2B5EF4-FFF2-40B4-BE49-F238E27FC236}">
                <a16:creationId xmlns:a16="http://schemas.microsoft.com/office/drawing/2014/main" id="{4FAB923C-AA0B-4DA0-8F18-132D60F62669}"/>
              </a:ext>
            </a:extLst>
          </p:cNvPr>
          <p:cNvSpPr>
            <a:spLocks noGrp="1"/>
          </p:cNvSpPr>
          <p:nvPr>
            <p:ph type="subTitle" idx="13" hasCustomPrompt="1"/>
          </p:nvPr>
        </p:nvSpPr>
        <p:spPr>
          <a:xfrm>
            <a:off x="334962"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35" name="Bildplatzhalter 4">
            <a:extLst>
              <a:ext uri="{FF2B5EF4-FFF2-40B4-BE49-F238E27FC236}">
                <a16:creationId xmlns:a16="http://schemas.microsoft.com/office/drawing/2014/main" id="{358506B2-73A8-4120-A32D-4583CEBFF258}"/>
              </a:ext>
            </a:extLst>
          </p:cNvPr>
          <p:cNvSpPr>
            <a:spLocks noGrp="1"/>
          </p:cNvSpPr>
          <p:nvPr>
            <p:ph type="pic" sz="quarter" idx="23" hasCustomPrompt="1"/>
          </p:nvPr>
        </p:nvSpPr>
        <p:spPr>
          <a:xfrm>
            <a:off x="8832305" y="3209938"/>
            <a:ext cx="719829" cy="720000"/>
          </a:xfrm>
          <a:prstGeom prst="flowChartConnector">
            <a:avLst/>
          </a:prstGeom>
          <a:solidFill>
            <a:schemeClr val="bg1">
              <a:lumMod val="95000"/>
            </a:schemeClr>
          </a:solidFill>
        </p:spPr>
        <p:txBody>
          <a:bodyPr/>
          <a:lstStyle>
            <a:lvl1pPr marL="0" indent="0" algn="ctr">
              <a:buNone/>
              <a:defRPr sz="700"/>
            </a:lvl1pPr>
          </a:lstStyle>
          <a:p>
            <a:r>
              <a:rPr lang="fr-CH" dirty="0" err="1"/>
              <a:t>Bild</a:t>
            </a:r>
            <a:r>
              <a:rPr lang="fr-CH" dirty="0"/>
              <a:t> via Homburger-</a:t>
            </a:r>
            <a:r>
              <a:rPr lang="fr-CH" dirty="0" err="1"/>
              <a:t>Menü</a:t>
            </a:r>
            <a:r>
              <a:rPr lang="fr-CH" dirty="0"/>
              <a:t> </a:t>
            </a:r>
            <a:r>
              <a:rPr lang="fr-CH" dirty="0" err="1"/>
              <a:t>einfügen</a:t>
            </a:r>
            <a:endParaRPr lang="fr-CH" dirty="0"/>
          </a:p>
        </p:txBody>
      </p:sp>
      <p:sp>
        <p:nvSpPr>
          <p:cNvPr id="2" name="TextBox 1">
            <a:extLst>
              <a:ext uri="{FF2B5EF4-FFF2-40B4-BE49-F238E27FC236}">
                <a16:creationId xmlns:a16="http://schemas.microsoft.com/office/drawing/2014/main" id="{A3964FE7-F06D-4787-B911-B48EEEBC7776}"/>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000000"/>
              </a:solidFill>
            </a:endParaRPr>
          </a:p>
        </p:txBody>
      </p:sp>
      <p:sp>
        <p:nvSpPr>
          <p:cNvPr id="4" name="Textplatzhalter 3">
            <a:extLst>
              <a:ext uri="{FF2B5EF4-FFF2-40B4-BE49-F238E27FC236}">
                <a16:creationId xmlns:a16="http://schemas.microsoft.com/office/drawing/2014/main" id="{62D925A4-D532-40E9-9DF0-C20FEEC7C3EE}"/>
              </a:ext>
            </a:extLst>
          </p:cNvPr>
          <p:cNvSpPr>
            <a:spLocks noGrp="1"/>
          </p:cNvSpPr>
          <p:nvPr>
            <p:ph type="body" sz="quarter" idx="24"/>
          </p:nvPr>
        </p:nvSpPr>
        <p:spPr>
          <a:xfrm>
            <a:off x="8832304" y="1916113"/>
            <a:ext cx="2735809" cy="210250"/>
          </a:xfrm>
        </p:spPr>
        <p:txBody>
          <a:bodyPr>
            <a:noAutofit/>
          </a:bodyPr>
          <a:lstStyle>
            <a:lvl1pPr marL="0" indent="0">
              <a:buNone/>
              <a:defRPr/>
            </a:lvl1pPr>
          </a:lstStyle>
          <a:p>
            <a:pPr lvl="0"/>
            <a:r>
              <a:rPr lang="fr-CH" dirty="0" err="1"/>
              <a:t>Mastertextformat</a:t>
            </a:r>
            <a:r>
              <a:rPr lang="fr-CH" dirty="0"/>
              <a:t> </a:t>
            </a:r>
            <a:r>
              <a:rPr lang="fr-CH" dirty="0" err="1"/>
              <a:t>bearbeiten</a:t>
            </a:r>
            <a:endParaRPr lang="fr-CH" dirty="0"/>
          </a:p>
        </p:txBody>
      </p:sp>
      <p:sp>
        <p:nvSpPr>
          <p:cNvPr id="7" name="Textplatzhalter 6">
            <a:extLst>
              <a:ext uri="{FF2B5EF4-FFF2-40B4-BE49-F238E27FC236}">
                <a16:creationId xmlns:a16="http://schemas.microsoft.com/office/drawing/2014/main" id="{F60A0F0A-F5F4-417D-8223-948A386B9355}"/>
              </a:ext>
            </a:extLst>
          </p:cNvPr>
          <p:cNvSpPr>
            <a:spLocks noGrp="1"/>
          </p:cNvSpPr>
          <p:nvPr>
            <p:ph type="body" sz="quarter" idx="25"/>
          </p:nvPr>
        </p:nvSpPr>
        <p:spPr>
          <a:xfrm>
            <a:off x="9839473" y="2524715"/>
            <a:ext cx="1728640" cy="612000"/>
          </a:xfrm>
        </p:spPr>
        <p:txBody>
          <a:bodyPr>
            <a:noAutofit/>
          </a:bodyPr>
          <a:lstStyle>
            <a:lvl1pPr marL="0" indent="0">
              <a:spcBef>
                <a:spcPts val="0"/>
              </a:spcBef>
              <a:buNone/>
              <a:defRPr/>
            </a:lvl1pPr>
          </a:lstStyle>
          <a:p>
            <a:pPr lvl="0"/>
            <a:r>
              <a:rPr lang="fr-CH" dirty="0" err="1"/>
              <a:t>Mastertextformat</a:t>
            </a:r>
            <a:r>
              <a:rPr lang="fr-CH" dirty="0"/>
              <a:t> </a:t>
            </a:r>
            <a:r>
              <a:rPr lang="fr-CH" dirty="0" err="1"/>
              <a:t>bearbeiten</a:t>
            </a:r>
            <a:endParaRPr lang="fr-CH" dirty="0"/>
          </a:p>
        </p:txBody>
      </p:sp>
      <p:sp>
        <p:nvSpPr>
          <p:cNvPr id="8" name="Textplatzhalter 7">
            <a:extLst>
              <a:ext uri="{FF2B5EF4-FFF2-40B4-BE49-F238E27FC236}">
                <a16:creationId xmlns:a16="http://schemas.microsoft.com/office/drawing/2014/main" id="{E8C4181B-DC16-48E0-A61E-B99102B74C84}"/>
              </a:ext>
            </a:extLst>
          </p:cNvPr>
          <p:cNvSpPr>
            <a:spLocks noGrp="1"/>
          </p:cNvSpPr>
          <p:nvPr>
            <p:ph type="body" sz="quarter" idx="26"/>
          </p:nvPr>
        </p:nvSpPr>
        <p:spPr>
          <a:xfrm>
            <a:off x="334963" y="1916113"/>
            <a:ext cx="2879725" cy="4024312"/>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0" name="Textplatzhalter 9">
            <a:extLst>
              <a:ext uri="{FF2B5EF4-FFF2-40B4-BE49-F238E27FC236}">
                <a16:creationId xmlns:a16="http://schemas.microsoft.com/office/drawing/2014/main" id="{7DFEDB94-C694-45DD-A35F-9B364192D0B4}"/>
              </a:ext>
            </a:extLst>
          </p:cNvPr>
          <p:cNvSpPr>
            <a:spLocks noGrp="1"/>
          </p:cNvSpPr>
          <p:nvPr>
            <p:ph type="body" sz="quarter" idx="27"/>
          </p:nvPr>
        </p:nvSpPr>
        <p:spPr>
          <a:xfrm>
            <a:off x="4151784" y="1916113"/>
            <a:ext cx="4248472" cy="4033837"/>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6" name="Textplatzhalter 6">
            <a:extLst>
              <a:ext uri="{FF2B5EF4-FFF2-40B4-BE49-F238E27FC236}">
                <a16:creationId xmlns:a16="http://schemas.microsoft.com/office/drawing/2014/main" id="{B92AEE72-20CE-41D9-9BE9-C47C6DECCFEF}"/>
              </a:ext>
            </a:extLst>
          </p:cNvPr>
          <p:cNvSpPr>
            <a:spLocks noGrp="1"/>
          </p:cNvSpPr>
          <p:nvPr>
            <p:ph type="body" sz="quarter" idx="28"/>
          </p:nvPr>
        </p:nvSpPr>
        <p:spPr>
          <a:xfrm>
            <a:off x="9839473" y="3379834"/>
            <a:ext cx="1728640" cy="612000"/>
          </a:xfrm>
        </p:spPr>
        <p:txBody>
          <a:bodyPr>
            <a:noAutofit/>
          </a:bodyPr>
          <a:lstStyle>
            <a:lvl1pPr marL="0" indent="0">
              <a:spcBef>
                <a:spcPts val="0"/>
              </a:spcBef>
              <a:buNone/>
              <a:defRPr/>
            </a:lvl1pPr>
          </a:lstStyle>
          <a:p>
            <a:pPr lvl="0"/>
            <a:r>
              <a:rPr lang="fr-CH" dirty="0" err="1"/>
              <a:t>Mastertextformat</a:t>
            </a:r>
            <a:r>
              <a:rPr lang="fr-CH" dirty="0"/>
              <a:t> </a:t>
            </a:r>
            <a:r>
              <a:rPr lang="fr-CH" dirty="0" err="1"/>
              <a:t>bearbeiten</a:t>
            </a:r>
            <a:endParaRPr lang="fr-CH" dirty="0"/>
          </a:p>
        </p:txBody>
      </p:sp>
      <p:sp>
        <p:nvSpPr>
          <p:cNvPr id="13" name="Datumsplatzhalter 3">
            <a:extLst>
              <a:ext uri="{FF2B5EF4-FFF2-40B4-BE49-F238E27FC236}">
                <a16:creationId xmlns:a16="http://schemas.microsoft.com/office/drawing/2014/main" id="{D91D393C-A640-78E7-E5DF-AECD6333BA76}"/>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1" name="Foliennummernplatzhalter 2">
            <a:extLst>
              <a:ext uri="{FF2B5EF4-FFF2-40B4-BE49-F238E27FC236}">
                <a16:creationId xmlns:a16="http://schemas.microsoft.com/office/drawing/2014/main" id="{CF820C43-EEB1-DDFB-6F61-E699BAA1722A}"/>
              </a:ext>
            </a:extLst>
          </p:cNvPr>
          <p:cNvSpPr>
            <a:spLocks noGrp="1"/>
          </p:cNvSpPr>
          <p:nvPr>
            <p:ph type="sldNum" sz="quarter" idx="16"/>
          </p:nvPr>
        </p:nvSpPr>
        <p:spPr>
          <a:xfrm>
            <a:off x="0" y="6858000"/>
            <a:ext cx="0" cy="0"/>
          </a:xfrm>
        </p:spPr>
        <p:txBody>
          <a:bodyPr/>
          <a:lstStyle>
            <a:lvl1pPr>
              <a:defRPr>
                <a:noFill/>
              </a:defRPr>
            </a:lvl1pPr>
          </a:lstStyle>
          <a:p>
            <a:endParaRPr lang="fr-CH" dirty="0"/>
          </a:p>
        </p:txBody>
      </p:sp>
      <p:sp>
        <p:nvSpPr>
          <p:cNvPr id="12" name="Date dynamic" descr="{&quot;templafy&quot;:{&quot;id&quot;:&quot;9a39c89b-8efd-46e3-a8a4-0a3d77b6259e&quot;}}">
            <a:extLst>
              <a:ext uri="{FF2B5EF4-FFF2-40B4-BE49-F238E27FC236}">
                <a16:creationId xmlns:a16="http://schemas.microsoft.com/office/drawing/2014/main" id="{F3E023D6-8275-4262-ED6F-2EE862E5357C}"/>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9" name="Confidentiality dynamic" descr="{&quot;templafy&quot;:{&quot;id&quot;:&quot;d4f86476-25a2-4116-bc47-8bf9cc7b70af&quot;}}">
            <a:extLst>
              <a:ext uri="{FF2B5EF4-FFF2-40B4-BE49-F238E27FC236}">
                <a16:creationId xmlns:a16="http://schemas.microsoft.com/office/drawing/2014/main" id="{B96452D4-7DFA-FB03-2514-E1F692C9B01A}"/>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1068746015"/>
      </p:ext>
    </p:extLst>
  </p:cSld>
  <p:clrMapOvr>
    <a:masterClrMapping/>
  </p:clrMapOvr>
  <p:hf hdr="0"/>
</p:sldLayout>
</file>

<file path=ppt/slideLayouts/slideLayout47.xml><?xml version="1.0" encoding="utf-8"?>
<p:sldLayout xmlns:a="http://schemas.openxmlformats.org/drawingml/2006/main" xmlns:r="http://schemas.openxmlformats.org/officeDocument/2006/relationships" xmlns:p="http://schemas.openxmlformats.org/presentationml/2006/main" matchingName="Budget" preserve="1" userDrawn="1">
  <p:cSld name="Budge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B1D8037-78B6-4041-8AEF-7554C37F4B88}"/>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7" name="Subtitle 2">
            <a:extLst>
              <a:ext uri="{FF2B5EF4-FFF2-40B4-BE49-F238E27FC236}">
                <a16:creationId xmlns:a16="http://schemas.microsoft.com/office/drawing/2014/main" id="{8423DEA3-42E8-4382-85D4-715FFD31D2F6}"/>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3" name="Foliennummernplatzhalter 2">
            <a:extLst>
              <a:ext uri="{FF2B5EF4-FFF2-40B4-BE49-F238E27FC236}">
                <a16:creationId xmlns:a16="http://schemas.microsoft.com/office/drawing/2014/main" id="{BA31231D-86E2-4E4F-BCC9-E557337E4E8F}"/>
              </a:ext>
            </a:extLst>
          </p:cNvPr>
          <p:cNvSpPr>
            <a:spLocks noGrp="1"/>
          </p:cNvSpPr>
          <p:nvPr>
            <p:ph type="sldNum" sz="quarter" idx="14"/>
          </p:nvPr>
        </p:nvSpPr>
        <p:spPr/>
        <p:txBody>
          <a:bodyPr/>
          <a:lstStyle/>
          <a:p>
            <a:fld id="{316CD097-C20B-4B7A-B218-33FD86F6FF58}" type="slidenum">
              <a:rPr lang="fr-CH" smtClean="0"/>
              <a:pPr/>
              <a:t>‹N°›</a:t>
            </a:fld>
            <a:endParaRPr lang="fr-CH" dirty="0"/>
          </a:p>
        </p:txBody>
      </p:sp>
      <p:sp>
        <p:nvSpPr>
          <p:cNvPr id="47" name="Content Placeholder 2">
            <a:extLst>
              <a:ext uri="{FF2B5EF4-FFF2-40B4-BE49-F238E27FC236}">
                <a16:creationId xmlns:a16="http://schemas.microsoft.com/office/drawing/2014/main" id="{672B8403-8945-42E5-9654-4124CAE32054}"/>
              </a:ext>
            </a:extLst>
          </p:cNvPr>
          <p:cNvSpPr>
            <a:spLocks noGrp="1"/>
          </p:cNvSpPr>
          <p:nvPr>
            <p:ph sz="half" idx="1" hasCustomPrompt="1"/>
          </p:nvPr>
        </p:nvSpPr>
        <p:spPr>
          <a:xfrm>
            <a:off x="335361" y="1916113"/>
            <a:ext cx="2592288" cy="3385095"/>
          </a:xfrm>
        </p:spPr>
        <p:txBody>
          <a:bodyPr/>
          <a:lstStyle/>
          <a:p>
            <a:pPr lvl="0"/>
            <a:r>
              <a:rPr lang="fr-CH" dirty="0" err="1"/>
              <a:t>Erklärungstext</a:t>
            </a:r>
            <a:r>
              <a:rPr lang="fr-CH" dirty="0"/>
              <a:t> </a:t>
            </a:r>
          </a:p>
          <a:p>
            <a:pPr lvl="1"/>
            <a:r>
              <a:rPr lang="fr-CH" dirty="0"/>
              <a:t>Second </a:t>
            </a:r>
            <a:r>
              <a:rPr lang="fr-CH" dirty="0" err="1"/>
              <a:t>level</a:t>
            </a:r>
            <a:endParaRPr lang="fr-CH" dirty="0"/>
          </a:p>
          <a:p>
            <a:pPr lvl="2"/>
            <a:r>
              <a:rPr lang="fr-CH" dirty="0" err="1"/>
              <a:t>Third</a:t>
            </a:r>
            <a:r>
              <a:rPr lang="fr-CH" dirty="0"/>
              <a:t> </a:t>
            </a:r>
            <a:r>
              <a:rPr lang="fr-CH" dirty="0" err="1"/>
              <a:t>level</a:t>
            </a:r>
            <a:endParaRPr lang="fr-CH" dirty="0"/>
          </a:p>
          <a:p>
            <a:pPr lvl="3"/>
            <a:r>
              <a:rPr lang="fr-CH" dirty="0" err="1"/>
              <a:t>Fourth</a:t>
            </a:r>
            <a:r>
              <a:rPr lang="fr-CH" dirty="0"/>
              <a:t> </a:t>
            </a:r>
            <a:r>
              <a:rPr lang="fr-CH" dirty="0" err="1"/>
              <a:t>level</a:t>
            </a:r>
            <a:endParaRPr lang="fr-CH" dirty="0"/>
          </a:p>
          <a:p>
            <a:pPr lvl="4"/>
            <a:r>
              <a:rPr lang="fr-CH" dirty="0" err="1"/>
              <a:t>Fifth</a:t>
            </a:r>
            <a:r>
              <a:rPr lang="fr-CH" dirty="0"/>
              <a:t> </a:t>
            </a:r>
            <a:r>
              <a:rPr lang="fr-CH" dirty="0" err="1"/>
              <a:t>level</a:t>
            </a:r>
            <a:endParaRPr lang="fr-CH" dirty="0"/>
          </a:p>
        </p:txBody>
      </p:sp>
      <p:sp>
        <p:nvSpPr>
          <p:cNvPr id="48" name="Content Placeholder 2">
            <a:extLst>
              <a:ext uri="{FF2B5EF4-FFF2-40B4-BE49-F238E27FC236}">
                <a16:creationId xmlns:a16="http://schemas.microsoft.com/office/drawing/2014/main" id="{287DB55D-C302-4BB5-A51E-590A0EC3D6F1}"/>
              </a:ext>
            </a:extLst>
          </p:cNvPr>
          <p:cNvSpPr>
            <a:spLocks noGrp="1"/>
          </p:cNvSpPr>
          <p:nvPr>
            <p:ph sz="half" idx="17" hasCustomPrompt="1"/>
          </p:nvPr>
        </p:nvSpPr>
        <p:spPr>
          <a:xfrm>
            <a:off x="3224062" y="1927226"/>
            <a:ext cx="2583905" cy="3385095"/>
          </a:xfrm>
        </p:spPr>
        <p:txBody>
          <a:bodyPr/>
          <a:lstStyle/>
          <a:p>
            <a:pPr lvl="0"/>
            <a:r>
              <a:rPr lang="fr-CH" dirty="0" err="1"/>
              <a:t>Erklärungstext</a:t>
            </a:r>
            <a:r>
              <a:rPr lang="fr-CH" dirty="0"/>
              <a:t> </a:t>
            </a:r>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49" name="Content Placeholder 2">
            <a:extLst>
              <a:ext uri="{FF2B5EF4-FFF2-40B4-BE49-F238E27FC236}">
                <a16:creationId xmlns:a16="http://schemas.microsoft.com/office/drawing/2014/main" id="{52953F4A-40A0-41FF-9BF6-5665649ECF8A}"/>
              </a:ext>
            </a:extLst>
          </p:cNvPr>
          <p:cNvSpPr>
            <a:spLocks noGrp="1"/>
          </p:cNvSpPr>
          <p:nvPr>
            <p:ph sz="half" idx="18" hasCustomPrompt="1"/>
          </p:nvPr>
        </p:nvSpPr>
        <p:spPr>
          <a:xfrm>
            <a:off x="6091200" y="1927226"/>
            <a:ext cx="2575458" cy="3385095"/>
          </a:xfrm>
        </p:spPr>
        <p:txBody>
          <a:bodyPr/>
          <a:lstStyle/>
          <a:p>
            <a:pPr lvl="0"/>
            <a:r>
              <a:rPr lang="fr-CH" dirty="0" err="1"/>
              <a:t>Erklärungstext</a:t>
            </a:r>
            <a:r>
              <a:rPr lang="fr-CH" dirty="0"/>
              <a:t> </a:t>
            </a:r>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50" name="Content Placeholder 2">
            <a:extLst>
              <a:ext uri="{FF2B5EF4-FFF2-40B4-BE49-F238E27FC236}">
                <a16:creationId xmlns:a16="http://schemas.microsoft.com/office/drawing/2014/main" id="{A8DFCD68-A1D8-4AF7-ADB0-BAB623DABF85}"/>
              </a:ext>
            </a:extLst>
          </p:cNvPr>
          <p:cNvSpPr>
            <a:spLocks noGrp="1"/>
          </p:cNvSpPr>
          <p:nvPr>
            <p:ph sz="half" idx="19" hasCustomPrompt="1"/>
          </p:nvPr>
        </p:nvSpPr>
        <p:spPr>
          <a:xfrm>
            <a:off x="8978400" y="1938339"/>
            <a:ext cx="2575458" cy="3385095"/>
          </a:xfrm>
        </p:spPr>
        <p:txBody>
          <a:bodyPr/>
          <a:lstStyle/>
          <a:p>
            <a:pPr lvl="0"/>
            <a:r>
              <a:rPr lang="fr-CH" dirty="0" err="1"/>
              <a:t>Erklärungstext</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55" name="Textplatzhalter 7">
            <a:extLst>
              <a:ext uri="{FF2B5EF4-FFF2-40B4-BE49-F238E27FC236}">
                <a16:creationId xmlns:a16="http://schemas.microsoft.com/office/drawing/2014/main" id="{CF7FCA7D-0EA3-448F-A4C2-A1662069AE97}"/>
              </a:ext>
            </a:extLst>
          </p:cNvPr>
          <p:cNvSpPr>
            <a:spLocks noGrp="1"/>
          </p:cNvSpPr>
          <p:nvPr>
            <p:ph type="body" sz="quarter" idx="21" hasCustomPrompt="1"/>
          </p:nvPr>
        </p:nvSpPr>
        <p:spPr>
          <a:xfrm>
            <a:off x="335649" y="5734094"/>
            <a:ext cx="2592000" cy="287194"/>
          </a:xfrm>
        </p:spPr>
        <p:txBody>
          <a:bodyPr lIns="0" bIns="36000" anchor="b" anchorCtr="0"/>
          <a:lstStyle>
            <a:lvl1pPr marL="0" indent="0">
              <a:lnSpc>
                <a:spcPct val="100000"/>
              </a:lnSpc>
              <a:spcBef>
                <a:spcPts val="0"/>
              </a:spcBef>
              <a:buNone/>
              <a:defRPr lang="de-DE" sz="15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Betrag</a:t>
            </a:r>
            <a:endParaRPr lang="fr-CH" dirty="0"/>
          </a:p>
        </p:txBody>
      </p:sp>
      <p:sp>
        <p:nvSpPr>
          <p:cNvPr id="56" name="Textplatzhalter 7">
            <a:extLst>
              <a:ext uri="{FF2B5EF4-FFF2-40B4-BE49-F238E27FC236}">
                <a16:creationId xmlns:a16="http://schemas.microsoft.com/office/drawing/2014/main" id="{E50CC3EE-519A-452F-95FA-3633D53310FD}"/>
              </a:ext>
            </a:extLst>
          </p:cNvPr>
          <p:cNvSpPr>
            <a:spLocks noGrp="1"/>
          </p:cNvSpPr>
          <p:nvPr>
            <p:ph type="body" sz="quarter" idx="22" hasCustomPrompt="1"/>
          </p:nvPr>
        </p:nvSpPr>
        <p:spPr>
          <a:xfrm>
            <a:off x="3205064" y="5734094"/>
            <a:ext cx="2592000" cy="287194"/>
          </a:xfrm>
        </p:spPr>
        <p:txBody>
          <a:bodyPr lIns="0" bIns="36000" anchor="b" anchorCtr="0"/>
          <a:lstStyle>
            <a:lvl1pPr marL="0" indent="0">
              <a:lnSpc>
                <a:spcPct val="100000"/>
              </a:lnSpc>
              <a:spcBef>
                <a:spcPts val="0"/>
              </a:spcBef>
              <a:buNone/>
              <a:defRPr lang="de-DE" sz="15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Betrag</a:t>
            </a:r>
            <a:endParaRPr lang="fr-CH" dirty="0"/>
          </a:p>
        </p:txBody>
      </p:sp>
      <p:sp>
        <p:nvSpPr>
          <p:cNvPr id="57" name="Textplatzhalter 7">
            <a:extLst>
              <a:ext uri="{FF2B5EF4-FFF2-40B4-BE49-F238E27FC236}">
                <a16:creationId xmlns:a16="http://schemas.microsoft.com/office/drawing/2014/main" id="{571C24E7-9094-4FFE-9357-D2274140022A}"/>
              </a:ext>
            </a:extLst>
          </p:cNvPr>
          <p:cNvSpPr>
            <a:spLocks noGrp="1"/>
          </p:cNvSpPr>
          <p:nvPr>
            <p:ph type="body" sz="quarter" idx="23" hasCustomPrompt="1"/>
          </p:nvPr>
        </p:nvSpPr>
        <p:spPr>
          <a:xfrm>
            <a:off x="6091200" y="5734094"/>
            <a:ext cx="2592000" cy="287194"/>
          </a:xfrm>
        </p:spPr>
        <p:txBody>
          <a:bodyPr lIns="0" bIns="36000" anchor="b" anchorCtr="0"/>
          <a:lstStyle>
            <a:lvl1pPr marL="0" indent="0">
              <a:lnSpc>
                <a:spcPct val="100000"/>
              </a:lnSpc>
              <a:spcBef>
                <a:spcPts val="0"/>
              </a:spcBef>
              <a:buNone/>
              <a:defRPr lang="de-DE" sz="15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Betrag</a:t>
            </a:r>
            <a:endParaRPr lang="fr-CH" dirty="0"/>
          </a:p>
        </p:txBody>
      </p:sp>
      <p:sp>
        <p:nvSpPr>
          <p:cNvPr id="58" name="Textplatzhalter 7">
            <a:extLst>
              <a:ext uri="{FF2B5EF4-FFF2-40B4-BE49-F238E27FC236}">
                <a16:creationId xmlns:a16="http://schemas.microsoft.com/office/drawing/2014/main" id="{36A13C3F-7AEC-4B2B-91F1-812742FB1BF4}"/>
              </a:ext>
            </a:extLst>
          </p:cNvPr>
          <p:cNvSpPr>
            <a:spLocks noGrp="1"/>
          </p:cNvSpPr>
          <p:nvPr>
            <p:ph type="body" sz="quarter" idx="24" hasCustomPrompt="1"/>
          </p:nvPr>
        </p:nvSpPr>
        <p:spPr>
          <a:xfrm>
            <a:off x="8960615" y="5734094"/>
            <a:ext cx="2592000" cy="287194"/>
          </a:xfrm>
        </p:spPr>
        <p:txBody>
          <a:bodyPr lIns="0" bIns="36000" anchor="b" anchorCtr="0"/>
          <a:lstStyle>
            <a:lvl1pPr marL="0" indent="0">
              <a:lnSpc>
                <a:spcPct val="100000"/>
              </a:lnSpc>
              <a:spcBef>
                <a:spcPts val="0"/>
              </a:spcBef>
              <a:buNone/>
              <a:defRPr lang="de-DE" sz="1500" kern="1200" dirty="0" smtClean="0">
                <a:solidFill>
                  <a:schemeClr val="tx2"/>
                </a:solidFill>
                <a:latin typeface="+mn-lt"/>
                <a:ea typeface="+mn-ea"/>
                <a:cs typeface="+mn-cs"/>
              </a:defRPr>
            </a:lvl1pPr>
            <a:lvl2pPr>
              <a:defRPr lang="de-DE" sz="1100" kern="1200" dirty="0" smtClean="0">
                <a:solidFill>
                  <a:schemeClr val="tx2"/>
                </a:solidFill>
                <a:latin typeface="+mn-lt"/>
                <a:ea typeface="+mn-ea"/>
                <a:cs typeface="+mn-cs"/>
              </a:defRPr>
            </a:lvl2pPr>
            <a:lvl3pPr>
              <a:defRPr lang="de-DE" sz="1100" kern="1200" dirty="0" smtClean="0">
                <a:solidFill>
                  <a:schemeClr val="tx2"/>
                </a:solidFill>
                <a:latin typeface="+mn-lt"/>
                <a:ea typeface="+mn-ea"/>
                <a:cs typeface="+mn-cs"/>
              </a:defRPr>
            </a:lvl3pPr>
            <a:lvl4pPr>
              <a:defRPr lang="de-DE" sz="1100" kern="1200" dirty="0" smtClean="0">
                <a:solidFill>
                  <a:schemeClr val="tx2"/>
                </a:solidFill>
                <a:latin typeface="+mn-lt"/>
                <a:ea typeface="+mn-ea"/>
                <a:cs typeface="+mn-cs"/>
              </a:defRPr>
            </a:lvl4pPr>
          </a:lstStyle>
          <a:p>
            <a:pPr lvl="0"/>
            <a:r>
              <a:rPr lang="fr-CH" dirty="0" err="1"/>
              <a:t>Betrag</a:t>
            </a:r>
            <a:endParaRPr lang="fr-CH" dirty="0"/>
          </a:p>
        </p:txBody>
      </p:sp>
      <p:sp>
        <p:nvSpPr>
          <p:cNvPr id="59" name="Text Placeholder 10">
            <a:extLst>
              <a:ext uri="{FF2B5EF4-FFF2-40B4-BE49-F238E27FC236}">
                <a16:creationId xmlns:a16="http://schemas.microsoft.com/office/drawing/2014/main" id="{6A565926-1107-4E86-A3C6-EFDC06554FEE}"/>
              </a:ext>
            </a:extLst>
          </p:cNvPr>
          <p:cNvSpPr>
            <a:spLocks noGrp="1"/>
          </p:cNvSpPr>
          <p:nvPr>
            <p:ph type="body" sz="quarter" idx="25" hasCustomPrompt="1"/>
          </p:nvPr>
        </p:nvSpPr>
        <p:spPr>
          <a:xfrm>
            <a:off x="334964" y="1125539"/>
            <a:ext cx="2605866" cy="812800"/>
          </a:xfrm>
        </p:spPr>
        <p:txBody>
          <a:bodyPr/>
          <a:lstStyle>
            <a:lvl1pPr marL="0" indent="0">
              <a:lnSpc>
                <a:spcPct val="100000"/>
              </a:lnSpc>
              <a:buNone/>
              <a:defRPr sz="2000"/>
            </a:lvl1pPr>
          </a:lstStyle>
          <a:p>
            <a:pPr lvl="0"/>
            <a:r>
              <a:rPr lang="fr-CH" dirty="0" err="1"/>
              <a:t>Budgetposten</a:t>
            </a:r>
            <a:r>
              <a:rPr lang="fr-CH" dirty="0"/>
              <a:t> </a:t>
            </a:r>
            <a:r>
              <a:rPr lang="fr-CH" dirty="0" err="1"/>
              <a:t>auf</a:t>
            </a:r>
            <a:r>
              <a:rPr lang="fr-CH" dirty="0"/>
              <a:t> </a:t>
            </a:r>
            <a:r>
              <a:rPr lang="fr-CH" dirty="0" err="1"/>
              <a:t>zwei</a:t>
            </a:r>
            <a:r>
              <a:rPr lang="fr-CH" dirty="0"/>
              <a:t> </a:t>
            </a:r>
            <a:r>
              <a:rPr lang="fr-CH" dirty="0" err="1"/>
              <a:t>Zeilen</a:t>
            </a:r>
            <a:endParaRPr lang="fr-CH" dirty="0"/>
          </a:p>
        </p:txBody>
      </p:sp>
      <p:sp>
        <p:nvSpPr>
          <p:cNvPr id="60" name="Text Placeholder 10">
            <a:extLst>
              <a:ext uri="{FF2B5EF4-FFF2-40B4-BE49-F238E27FC236}">
                <a16:creationId xmlns:a16="http://schemas.microsoft.com/office/drawing/2014/main" id="{76F97CF9-B41A-4AD4-97DF-C5EC58C875C5}"/>
              </a:ext>
            </a:extLst>
          </p:cNvPr>
          <p:cNvSpPr>
            <a:spLocks noGrp="1"/>
          </p:cNvSpPr>
          <p:nvPr>
            <p:ph type="body" sz="quarter" idx="26" hasCustomPrompt="1"/>
          </p:nvPr>
        </p:nvSpPr>
        <p:spPr>
          <a:xfrm>
            <a:off x="3224062" y="1125539"/>
            <a:ext cx="2605866" cy="812800"/>
          </a:xfrm>
        </p:spPr>
        <p:txBody>
          <a:bodyPr/>
          <a:lstStyle>
            <a:lvl1pPr marL="0" indent="0">
              <a:lnSpc>
                <a:spcPct val="100000"/>
              </a:lnSpc>
              <a:buNone/>
              <a:defRPr sz="2000"/>
            </a:lvl1pPr>
          </a:lstStyle>
          <a:p>
            <a:pPr lvl="0"/>
            <a:r>
              <a:rPr lang="fr-CH" dirty="0" err="1"/>
              <a:t>Budgetposten</a:t>
            </a:r>
            <a:r>
              <a:rPr lang="fr-CH" dirty="0"/>
              <a:t> </a:t>
            </a:r>
            <a:r>
              <a:rPr lang="fr-CH" dirty="0" err="1"/>
              <a:t>auf</a:t>
            </a:r>
            <a:r>
              <a:rPr lang="fr-CH" dirty="0"/>
              <a:t> </a:t>
            </a:r>
            <a:r>
              <a:rPr lang="fr-CH" dirty="0" err="1"/>
              <a:t>zwei</a:t>
            </a:r>
            <a:r>
              <a:rPr lang="fr-CH" dirty="0"/>
              <a:t> </a:t>
            </a:r>
            <a:r>
              <a:rPr lang="fr-CH" dirty="0" err="1"/>
              <a:t>Zeilen</a:t>
            </a:r>
            <a:endParaRPr lang="fr-CH" dirty="0"/>
          </a:p>
        </p:txBody>
      </p:sp>
      <p:sp>
        <p:nvSpPr>
          <p:cNvPr id="61" name="Text Placeholder 10">
            <a:extLst>
              <a:ext uri="{FF2B5EF4-FFF2-40B4-BE49-F238E27FC236}">
                <a16:creationId xmlns:a16="http://schemas.microsoft.com/office/drawing/2014/main" id="{C4E3783D-CFF8-410D-919F-2583D8D62741}"/>
              </a:ext>
            </a:extLst>
          </p:cNvPr>
          <p:cNvSpPr>
            <a:spLocks noGrp="1"/>
          </p:cNvSpPr>
          <p:nvPr>
            <p:ph type="body" sz="quarter" idx="27" hasCustomPrompt="1"/>
          </p:nvPr>
        </p:nvSpPr>
        <p:spPr>
          <a:xfrm>
            <a:off x="6091200" y="1125539"/>
            <a:ext cx="2605866" cy="812800"/>
          </a:xfrm>
        </p:spPr>
        <p:txBody>
          <a:bodyPr/>
          <a:lstStyle>
            <a:lvl1pPr marL="0" indent="0">
              <a:lnSpc>
                <a:spcPct val="100000"/>
              </a:lnSpc>
              <a:buNone/>
              <a:defRPr sz="2000"/>
            </a:lvl1pPr>
          </a:lstStyle>
          <a:p>
            <a:pPr lvl="0"/>
            <a:r>
              <a:rPr lang="fr-CH" dirty="0" err="1"/>
              <a:t>Budgetposten</a:t>
            </a:r>
            <a:r>
              <a:rPr lang="fr-CH" dirty="0"/>
              <a:t> </a:t>
            </a:r>
            <a:r>
              <a:rPr lang="fr-CH" dirty="0" err="1"/>
              <a:t>auf</a:t>
            </a:r>
            <a:r>
              <a:rPr lang="fr-CH" dirty="0"/>
              <a:t> </a:t>
            </a:r>
            <a:r>
              <a:rPr lang="fr-CH" dirty="0" err="1"/>
              <a:t>zwei</a:t>
            </a:r>
            <a:r>
              <a:rPr lang="fr-CH" dirty="0"/>
              <a:t> </a:t>
            </a:r>
            <a:r>
              <a:rPr lang="fr-CH" dirty="0" err="1"/>
              <a:t>Zeilen</a:t>
            </a:r>
            <a:endParaRPr lang="fr-CH" dirty="0"/>
          </a:p>
        </p:txBody>
      </p:sp>
      <p:sp>
        <p:nvSpPr>
          <p:cNvPr id="62" name="Text Placeholder 10">
            <a:extLst>
              <a:ext uri="{FF2B5EF4-FFF2-40B4-BE49-F238E27FC236}">
                <a16:creationId xmlns:a16="http://schemas.microsoft.com/office/drawing/2014/main" id="{20E5083F-5C17-40DC-B968-ECE350F16A86}"/>
              </a:ext>
            </a:extLst>
          </p:cNvPr>
          <p:cNvSpPr>
            <a:spLocks noGrp="1"/>
          </p:cNvSpPr>
          <p:nvPr>
            <p:ph type="body" sz="quarter" idx="28" hasCustomPrompt="1"/>
          </p:nvPr>
        </p:nvSpPr>
        <p:spPr>
          <a:xfrm>
            <a:off x="8978400" y="1125539"/>
            <a:ext cx="2605866" cy="812800"/>
          </a:xfrm>
        </p:spPr>
        <p:txBody>
          <a:bodyPr/>
          <a:lstStyle>
            <a:lvl1pPr marL="0" indent="0">
              <a:lnSpc>
                <a:spcPct val="100000"/>
              </a:lnSpc>
              <a:buNone/>
              <a:defRPr sz="2000"/>
            </a:lvl1pPr>
          </a:lstStyle>
          <a:p>
            <a:pPr lvl="0"/>
            <a:r>
              <a:rPr lang="fr-CH" dirty="0" err="1"/>
              <a:t>Budgetposten</a:t>
            </a:r>
            <a:r>
              <a:rPr lang="fr-CH" dirty="0"/>
              <a:t> </a:t>
            </a:r>
            <a:r>
              <a:rPr lang="fr-CH" dirty="0" err="1"/>
              <a:t>auf</a:t>
            </a:r>
            <a:r>
              <a:rPr lang="fr-CH" dirty="0"/>
              <a:t> </a:t>
            </a:r>
            <a:r>
              <a:rPr lang="fr-CH" dirty="0" err="1"/>
              <a:t>zwei</a:t>
            </a:r>
            <a:r>
              <a:rPr lang="fr-CH" dirty="0"/>
              <a:t> </a:t>
            </a:r>
            <a:r>
              <a:rPr lang="fr-CH" dirty="0" err="1"/>
              <a:t>Zeilen</a:t>
            </a:r>
            <a:endParaRPr lang="fr-CH" dirty="0"/>
          </a:p>
        </p:txBody>
      </p:sp>
      <p:cxnSp>
        <p:nvCxnSpPr>
          <p:cNvPr id="11" name="Gerader Verbinder 10">
            <a:extLst>
              <a:ext uri="{FF2B5EF4-FFF2-40B4-BE49-F238E27FC236}">
                <a16:creationId xmlns:a16="http://schemas.microsoft.com/office/drawing/2014/main" id="{85B31CDD-B57D-4C54-80E2-733181F90FC5}"/>
              </a:ext>
            </a:extLst>
          </p:cNvPr>
          <p:cNvCxnSpPr>
            <a:cxnSpLocks/>
          </p:cNvCxnSpPr>
          <p:nvPr userDrawn="1"/>
        </p:nvCxnSpPr>
        <p:spPr>
          <a:xfrm>
            <a:off x="2940830" y="1125539"/>
            <a:ext cx="0" cy="4824411"/>
          </a:xfrm>
          <a:prstGeom prst="line">
            <a:avLst/>
          </a:prstGeom>
          <a:ln w="12700">
            <a:solidFill>
              <a:schemeClr val="tx2"/>
            </a:solidFill>
            <a:headEnd type="none"/>
            <a:tailEnd type="none" w="sm" len="sm"/>
          </a:ln>
        </p:spPr>
        <p:style>
          <a:lnRef idx="1">
            <a:schemeClr val="accent1"/>
          </a:lnRef>
          <a:fillRef idx="0">
            <a:schemeClr val="accent1"/>
          </a:fillRef>
          <a:effectRef idx="0">
            <a:schemeClr val="accent1"/>
          </a:effectRef>
          <a:fontRef idx="minor">
            <a:schemeClr val="tx1"/>
          </a:fontRef>
        </p:style>
      </p:cxnSp>
      <p:cxnSp>
        <p:nvCxnSpPr>
          <p:cNvPr id="64" name="Gerader Verbinder 63">
            <a:extLst>
              <a:ext uri="{FF2B5EF4-FFF2-40B4-BE49-F238E27FC236}">
                <a16:creationId xmlns:a16="http://schemas.microsoft.com/office/drawing/2014/main" id="{9FB0EED7-0300-45DC-938C-E454B79FA564}"/>
              </a:ext>
            </a:extLst>
          </p:cNvPr>
          <p:cNvCxnSpPr>
            <a:cxnSpLocks/>
          </p:cNvCxnSpPr>
          <p:nvPr userDrawn="1"/>
        </p:nvCxnSpPr>
        <p:spPr>
          <a:xfrm>
            <a:off x="5829928" y="1125539"/>
            <a:ext cx="0" cy="4824411"/>
          </a:xfrm>
          <a:prstGeom prst="line">
            <a:avLst/>
          </a:prstGeom>
          <a:ln w="12700">
            <a:solidFill>
              <a:schemeClr val="tx2"/>
            </a:solidFill>
            <a:headEnd type="none"/>
            <a:tailEnd type="none" w="sm" len="sm"/>
          </a:ln>
        </p:spPr>
        <p:style>
          <a:lnRef idx="1">
            <a:schemeClr val="accent1"/>
          </a:lnRef>
          <a:fillRef idx="0">
            <a:schemeClr val="accent1"/>
          </a:fillRef>
          <a:effectRef idx="0">
            <a:schemeClr val="accent1"/>
          </a:effectRef>
          <a:fontRef idx="minor">
            <a:schemeClr val="tx1"/>
          </a:fontRef>
        </p:style>
      </p:cxnSp>
      <p:cxnSp>
        <p:nvCxnSpPr>
          <p:cNvPr id="65" name="Gerader Verbinder 64">
            <a:extLst>
              <a:ext uri="{FF2B5EF4-FFF2-40B4-BE49-F238E27FC236}">
                <a16:creationId xmlns:a16="http://schemas.microsoft.com/office/drawing/2014/main" id="{AF31A4D6-673D-45F7-93BB-0E4D9A9FCB10}"/>
              </a:ext>
            </a:extLst>
          </p:cNvPr>
          <p:cNvCxnSpPr>
            <a:cxnSpLocks/>
          </p:cNvCxnSpPr>
          <p:nvPr userDrawn="1"/>
        </p:nvCxnSpPr>
        <p:spPr>
          <a:xfrm>
            <a:off x="8697066" y="1125539"/>
            <a:ext cx="0" cy="4824411"/>
          </a:xfrm>
          <a:prstGeom prst="line">
            <a:avLst/>
          </a:prstGeom>
          <a:ln w="12700">
            <a:solidFill>
              <a:schemeClr val="tx2"/>
            </a:solidFill>
            <a:headEnd type="none"/>
            <a:tailEnd type="none" w="sm" len="sm"/>
          </a:ln>
        </p:spPr>
        <p:style>
          <a:lnRef idx="1">
            <a:schemeClr val="accent1"/>
          </a:lnRef>
          <a:fillRef idx="0">
            <a:schemeClr val="accent1"/>
          </a:fillRef>
          <a:effectRef idx="0">
            <a:schemeClr val="accent1"/>
          </a:effectRef>
          <a:fontRef idx="minor">
            <a:schemeClr val="tx1"/>
          </a:fontRef>
        </p:style>
      </p:cxnSp>
      <p:sp>
        <p:nvSpPr>
          <p:cNvPr id="4" name="TextBox 3">
            <a:extLst>
              <a:ext uri="{FF2B5EF4-FFF2-40B4-BE49-F238E27FC236}">
                <a16:creationId xmlns:a16="http://schemas.microsoft.com/office/drawing/2014/main" id="{7C7E0FCA-C55C-4639-81E0-CA348AD5F2A2}"/>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0" name="Datumsplatzhalter 4">
            <a:extLst>
              <a:ext uri="{FF2B5EF4-FFF2-40B4-BE49-F238E27FC236}">
                <a16:creationId xmlns:a16="http://schemas.microsoft.com/office/drawing/2014/main" id="{98E2DECC-6D4F-45D3-9982-28A8BD963062}"/>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683708965"/>
      </p:ext>
    </p:extLst>
  </p:cSld>
  <p:clrMapOvr>
    <a:masterClrMapping/>
  </p:clrMapOvr>
  <p:hf hdr="0"/>
</p:sldLayout>
</file>

<file path=ppt/slideLayouts/slideLayout48.xml><?xml version="1.0" encoding="utf-8"?>
<p:sldLayout xmlns:a="http://schemas.openxmlformats.org/drawingml/2006/main" xmlns:r="http://schemas.openxmlformats.org/officeDocument/2006/relationships" xmlns:p="http://schemas.openxmlformats.org/presentationml/2006/main" matchingName="Track Record" preserve="1" userDrawn="1">
  <p:cSld name="Track Recor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A1DF859-768A-48F0-83FB-CE8248663677}"/>
              </a:ext>
            </a:extLst>
          </p:cNvPr>
          <p:cNvSpPr>
            <a:spLocks noGrp="1"/>
          </p:cNvSpPr>
          <p:nvPr>
            <p:ph type="title" hasCustomPrompt="1"/>
          </p:nvPr>
        </p:nvSpPr>
        <p:spPr>
          <a:xfrm>
            <a:off x="335359" y="518746"/>
            <a:ext cx="9360000" cy="461982"/>
          </a:xfrm>
        </p:spPr>
        <p:txBody>
          <a:bodyPr/>
          <a:lstStyle>
            <a:lvl1pPr>
              <a:defRPr/>
            </a:lvl1pPr>
          </a:lstStyle>
          <a:p>
            <a:r>
              <a:rPr lang="fr-CH" dirty="0" err="1"/>
              <a:t>Folientitel</a:t>
            </a:r>
            <a:endParaRPr lang="fr-CH" dirty="0"/>
          </a:p>
        </p:txBody>
      </p:sp>
      <p:sp>
        <p:nvSpPr>
          <p:cNvPr id="10" name="Subtitle 2">
            <a:extLst>
              <a:ext uri="{FF2B5EF4-FFF2-40B4-BE49-F238E27FC236}">
                <a16:creationId xmlns:a16="http://schemas.microsoft.com/office/drawing/2014/main" id="{11AEB945-7E6B-4EE5-94D7-FC75C7A62FA9}"/>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4" name="Foliennummernplatzhalter 3">
            <a:extLst>
              <a:ext uri="{FF2B5EF4-FFF2-40B4-BE49-F238E27FC236}">
                <a16:creationId xmlns:a16="http://schemas.microsoft.com/office/drawing/2014/main" id="{6DC8A4F6-CB4B-4107-81B2-2C81BC3CB29C}"/>
              </a:ext>
            </a:extLst>
          </p:cNvPr>
          <p:cNvSpPr>
            <a:spLocks noGrp="1"/>
          </p:cNvSpPr>
          <p:nvPr>
            <p:ph type="sldNum" sz="quarter" idx="14"/>
          </p:nvPr>
        </p:nvSpPr>
        <p:spPr/>
        <p:txBody>
          <a:bodyPr/>
          <a:lstStyle/>
          <a:p>
            <a:fld id="{4C621A8C-92BE-4447-9303-C1CE8D733624}" type="slidenum">
              <a:rPr lang="fr-CH" smtClean="0"/>
              <a:pPr/>
              <a:t>‹N°›</a:t>
            </a:fld>
            <a:endParaRPr lang="fr-CH" dirty="0"/>
          </a:p>
        </p:txBody>
      </p:sp>
      <p:sp>
        <p:nvSpPr>
          <p:cNvPr id="8" name="Text Placeholder 7">
            <a:extLst>
              <a:ext uri="{FF2B5EF4-FFF2-40B4-BE49-F238E27FC236}">
                <a16:creationId xmlns:a16="http://schemas.microsoft.com/office/drawing/2014/main" id="{CDA58696-610D-44D4-B7F8-14AADA4AADDB}"/>
              </a:ext>
            </a:extLst>
          </p:cNvPr>
          <p:cNvSpPr>
            <a:spLocks noGrp="1"/>
          </p:cNvSpPr>
          <p:nvPr>
            <p:ph type="body" sz="quarter" idx="17"/>
          </p:nvPr>
        </p:nvSpPr>
        <p:spPr>
          <a:xfrm>
            <a:off x="334963" y="1916112"/>
            <a:ext cx="10080000" cy="4033837"/>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3" name="TextBox 2">
            <a:extLst>
              <a:ext uri="{FF2B5EF4-FFF2-40B4-BE49-F238E27FC236}">
                <a16:creationId xmlns:a16="http://schemas.microsoft.com/office/drawing/2014/main" id="{E890D530-9330-4352-90E5-3A0E814585C9}"/>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1" name="Datumsplatzhalter 5">
            <a:extLst>
              <a:ext uri="{FF2B5EF4-FFF2-40B4-BE49-F238E27FC236}">
                <a16:creationId xmlns:a16="http://schemas.microsoft.com/office/drawing/2014/main" id="{2375CFBF-1B0A-8241-09F2-E823E0E180C1}"/>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2653473291"/>
      </p:ext>
    </p:extLst>
  </p:cSld>
  <p:clrMapOvr>
    <a:masterClrMapping/>
  </p:clrMapOvr>
  <p:hf hdr="0"/>
</p:sldLayout>
</file>

<file path=ppt/slideLayouts/slideLayout49.xml><?xml version="1.0" encoding="utf-8"?>
<p:sldLayout xmlns:a="http://schemas.openxmlformats.org/drawingml/2006/main" xmlns:r="http://schemas.openxmlformats.org/officeDocument/2006/relationships" xmlns:p="http://schemas.openxmlformats.org/presentationml/2006/main" matchingName="Titel und Inhalt" preserve="1" userDrawn="1">
  <p:cSld name="Titel und Inhal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A1DF859-768A-48F0-83FB-CE8248663677}"/>
              </a:ext>
            </a:extLst>
          </p:cNvPr>
          <p:cNvSpPr>
            <a:spLocks noGrp="1"/>
          </p:cNvSpPr>
          <p:nvPr>
            <p:ph type="title" hasCustomPrompt="1"/>
          </p:nvPr>
        </p:nvSpPr>
        <p:spPr>
          <a:xfrm>
            <a:off x="335359" y="518746"/>
            <a:ext cx="9360000" cy="461982"/>
          </a:xfrm>
        </p:spPr>
        <p:txBody>
          <a:bodyPr/>
          <a:lstStyle>
            <a:lvl1pPr>
              <a:defRPr/>
            </a:lvl1pPr>
          </a:lstStyle>
          <a:p>
            <a:r>
              <a:rPr lang="fr-CH" dirty="0" err="1"/>
              <a:t>Folientitel</a:t>
            </a:r>
            <a:endParaRPr lang="fr-CH" dirty="0"/>
          </a:p>
        </p:txBody>
      </p:sp>
      <p:sp>
        <p:nvSpPr>
          <p:cNvPr id="3" name="Content Placeholder 2">
            <a:extLst>
              <a:ext uri="{FF2B5EF4-FFF2-40B4-BE49-F238E27FC236}">
                <a16:creationId xmlns:a16="http://schemas.microsoft.com/office/drawing/2014/main" id="{237B23D8-1BD4-444C-840A-AE91DB2417C4}"/>
              </a:ext>
            </a:extLst>
          </p:cNvPr>
          <p:cNvSpPr>
            <a:spLocks noGrp="1"/>
          </p:cNvSpPr>
          <p:nvPr>
            <p:ph idx="1"/>
          </p:nvPr>
        </p:nvSpPr>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10" name="Subtitle 2">
            <a:extLst>
              <a:ext uri="{FF2B5EF4-FFF2-40B4-BE49-F238E27FC236}">
                <a16:creationId xmlns:a16="http://schemas.microsoft.com/office/drawing/2014/main" id="{11AEB945-7E6B-4EE5-94D7-FC75C7A62FA9}"/>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4" name="Foliennummernplatzhalter 3">
            <a:extLst>
              <a:ext uri="{FF2B5EF4-FFF2-40B4-BE49-F238E27FC236}">
                <a16:creationId xmlns:a16="http://schemas.microsoft.com/office/drawing/2014/main" id="{6DC8A4F6-CB4B-4107-81B2-2C81BC3CB29C}"/>
              </a:ext>
            </a:extLst>
          </p:cNvPr>
          <p:cNvSpPr>
            <a:spLocks noGrp="1"/>
          </p:cNvSpPr>
          <p:nvPr>
            <p:ph type="sldNum" sz="quarter" idx="14"/>
          </p:nvPr>
        </p:nvSpPr>
        <p:spPr/>
        <p:txBody>
          <a:bodyPr/>
          <a:lstStyle/>
          <a:p>
            <a:fld id="{08A07991-2943-4938-9A1A-810A827EBC39}" type="slidenum">
              <a:rPr lang="fr-CH" smtClean="0"/>
              <a:pPr/>
              <a:t>‹N°›</a:t>
            </a:fld>
            <a:endParaRPr lang="fr-CH" dirty="0"/>
          </a:p>
        </p:txBody>
      </p:sp>
      <p:sp>
        <p:nvSpPr>
          <p:cNvPr id="5" name="TextBox 4">
            <a:extLst>
              <a:ext uri="{FF2B5EF4-FFF2-40B4-BE49-F238E27FC236}">
                <a16:creationId xmlns:a16="http://schemas.microsoft.com/office/drawing/2014/main" id="{9CA444E3-E145-4C4C-A4A9-C8CF9FA72FF7}"/>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1" name="Datumsplatzhalter 5">
            <a:extLst>
              <a:ext uri="{FF2B5EF4-FFF2-40B4-BE49-F238E27FC236}">
                <a16:creationId xmlns:a16="http://schemas.microsoft.com/office/drawing/2014/main" id="{3D59804D-0E15-08F0-1658-4EDEB89B090E}"/>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3555806438"/>
      </p:ext>
    </p:extLst>
  </p:cSld>
  <p:clrMapOvr>
    <a:masterClrMapping/>
  </p:clrMapOvr>
  <p:hf hdr="0"/>
</p:sldLayout>
</file>

<file path=ppt/slideLayouts/slideLayout5.xml><?xml version="1.0" encoding="utf-8"?>
<p:sldLayout xmlns:a="http://schemas.openxmlformats.org/drawingml/2006/main" xmlns:r="http://schemas.openxmlformats.org/officeDocument/2006/relationships" xmlns:p="http://schemas.openxmlformats.org/presentationml/2006/main" matchingName="Kapiteltitel weiss" preserve="1" userDrawn="1">
  <p:cSld name="Kapiteltitel weiss">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2" y="260648"/>
            <a:ext cx="9361487" cy="5689301"/>
          </a:xfrm>
        </p:spPr>
        <p:txBody>
          <a:bodyPr/>
          <a:lstStyle>
            <a:lvl1pPr marL="0" indent="0">
              <a:lnSpc>
                <a:spcPct val="100000"/>
              </a:lnSpc>
              <a:spcBef>
                <a:spcPts val="300"/>
              </a:spcBef>
              <a:buFontTx/>
              <a:buNone/>
              <a:tabLst>
                <a:tab pos="540000" algn="l"/>
              </a:tabLst>
              <a:defRPr sz="3000">
                <a:solidFill>
                  <a:schemeClr val="tx2"/>
                </a:solidFill>
              </a:defRPr>
            </a:lvl1pPr>
          </a:lstStyle>
          <a:p>
            <a:pPr lvl="0"/>
            <a:r>
              <a:rPr lang="fr-CH" dirty="0"/>
              <a:t>1.	</a:t>
            </a:r>
            <a:r>
              <a:rPr lang="fr-CH" dirty="0" err="1"/>
              <a:t>Kapiteltitel</a:t>
            </a:r>
            <a:endParaRPr lang="fr-CH" dirty="0"/>
          </a:p>
        </p:txBody>
      </p:sp>
      <p:sp>
        <p:nvSpPr>
          <p:cNvPr id="3" name="Foliennummernplatzhalter 2">
            <a:extLst>
              <a:ext uri="{FF2B5EF4-FFF2-40B4-BE49-F238E27FC236}">
                <a16:creationId xmlns:a16="http://schemas.microsoft.com/office/drawing/2014/main" id="{934CC874-8A4D-4D34-997E-5FD2AC5F2953}"/>
              </a:ext>
            </a:extLst>
          </p:cNvPr>
          <p:cNvSpPr>
            <a:spLocks noGrp="1"/>
          </p:cNvSpPr>
          <p:nvPr>
            <p:ph type="sldNum" sz="quarter" idx="15"/>
          </p:nvPr>
        </p:nvSpPr>
        <p:spPr/>
        <p:txBody>
          <a:bodyPr/>
          <a:lstStyle/>
          <a:p>
            <a:fld id="{B4D7B146-CFB6-4C41-9569-17FA58D338E7}" type="slidenum">
              <a:rPr lang="fr-CH" smtClean="0"/>
              <a:pPr/>
              <a:t>‹N°›</a:t>
            </a:fld>
            <a:endParaRPr lang="fr-CH" dirty="0"/>
          </a:p>
        </p:txBody>
      </p:sp>
      <p:sp>
        <p:nvSpPr>
          <p:cNvPr id="2" name="TextBox 1">
            <a:extLst>
              <a:ext uri="{FF2B5EF4-FFF2-40B4-BE49-F238E27FC236}">
                <a16:creationId xmlns:a16="http://schemas.microsoft.com/office/drawing/2014/main" id="{1A27D7AB-8FA3-47AE-984D-91420027170D}"/>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5" name="Datumsplatzhalter 4">
            <a:extLst>
              <a:ext uri="{FF2B5EF4-FFF2-40B4-BE49-F238E27FC236}">
                <a16:creationId xmlns:a16="http://schemas.microsoft.com/office/drawing/2014/main" id="{0EE841BC-235C-6376-EB61-A20D8DE03C1F}"/>
              </a:ext>
            </a:extLst>
          </p:cNvPr>
          <p:cNvSpPr txBox="1">
            <a:spLocks/>
          </p:cNvSpPr>
          <p:nvPr userDrawn="1"/>
        </p:nvSpPr>
        <p:spPr>
          <a:xfrm>
            <a:off x="8272"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3197348118"/>
      </p:ext>
    </p:extLst>
  </p:cSld>
  <p:clrMapOvr>
    <a:masterClrMapping/>
  </p:clrMapOvr>
  <p:hf hdr="0"/>
</p:sldLayout>
</file>

<file path=ppt/slideLayouts/slideLayout50.xml><?xml version="1.0" encoding="utf-8"?>
<p:sldLayout xmlns:a="http://schemas.openxmlformats.org/drawingml/2006/main" xmlns:r="http://schemas.openxmlformats.org/officeDocument/2006/relationships" xmlns:p="http://schemas.openxmlformats.org/presentationml/2006/main" matchingName="Nur Titel" preserve="1" userDrawn="1">
  <p:cSld name="Nur Tite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B1D8037-78B6-4041-8AEF-7554C37F4B88}"/>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7" name="Subtitle 2">
            <a:extLst>
              <a:ext uri="{FF2B5EF4-FFF2-40B4-BE49-F238E27FC236}">
                <a16:creationId xmlns:a16="http://schemas.microsoft.com/office/drawing/2014/main" id="{8423DEA3-42E8-4382-85D4-715FFD31D2F6}"/>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3" name="Foliennummernplatzhalter 2">
            <a:extLst>
              <a:ext uri="{FF2B5EF4-FFF2-40B4-BE49-F238E27FC236}">
                <a16:creationId xmlns:a16="http://schemas.microsoft.com/office/drawing/2014/main" id="{BA31231D-86E2-4E4F-BCC9-E557337E4E8F}"/>
              </a:ext>
            </a:extLst>
          </p:cNvPr>
          <p:cNvSpPr>
            <a:spLocks noGrp="1"/>
          </p:cNvSpPr>
          <p:nvPr>
            <p:ph type="sldNum" sz="quarter" idx="14"/>
          </p:nvPr>
        </p:nvSpPr>
        <p:spPr/>
        <p:txBody>
          <a:bodyPr/>
          <a:lstStyle/>
          <a:p>
            <a:fld id="{E21414BC-3F61-43EB-B1C1-61BB12737D4B}" type="slidenum">
              <a:rPr lang="fr-CH" smtClean="0"/>
              <a:pPr/>
              <a:t>‹N°›</a:t>
            </a:fld>
            <a:endParaRPr lang="fr-CH" dirty="0"/>
          </a:p>
        </p:txBody>
      </p:sp>
      <p:sp>
        <p:nvSpPr>
          <p:cNvPr id="4" name="TextBox 3">
            <a:extLst>
              <a:ext uri="{FF2B5EF4-FFF2-40B4-BE49-F238E27FC236}">
                <a16:creationId xmlns:a16="http://schemas.microsoft.com/office/drawing/2014/main" id="{ECF725F8-33AD-4F6F-BE7C-B44355ABCABA}"/>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5" name="Datumsplatzhalter 8">
            <a:extLst>
              <a:ext uri="{FF2B5EF4-FFF2-40B4-BE49-F238E27FC236}">
                <a16:creationId xmlns:a16="http://schemas.microsoft.com/office/drawing/2014/main" id="{A89EA05D-42D9-C47D-5135-C4D09AD85C7F}"/>
              </a:ext>
            </a:extLst>
          </p:cNvPr>
          <p:cNvSpPr>
            <a:spLocks noGrp="1"/>
          </p:cNvSpPr>
          <p:nvPr>
            <p:ph type="dt" sz="half" idx="15"/>
          </p:nvPr>
        </p:nvSpPr>
        <p:spPr>
          <a:xfrm>
            <a:off x="24987"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2689286369"/>
      </p:ext>
    </p:extLst>
  </p:cSld>
  <p:clrMapOvr>
    <a:masterClrMapping/>
  </p:clrMapOvr>
  <p:hf hdr="0"/>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matchingName="Nur Titel akzentuiert" preserve="1" userDrawn="1">
  <p:cSld name="Nur Titel akzentuiert">
    <p:bg>
      <p:bgPr>
        <a:solidFill>
          <a:schemeClr val="accent1"/>
        </a:solidFill>
        <a:effectLst/>
      </p:bgPr>
    </p:bg>
    <p:spTree>
      <p:nvGrpSpPr>
        <p:cNvPr id="1" name=""/>
        <p:cNvGrpSpPr/>
        <p:nvPr/>
      </p:nvGrpSpPr>
      <p:grpSpPr>
        <a:xfrm>
          <a:off x="0" y="0"/>
          <a:ext cx="0" cy="0"/>
          <a:chOff x="0" y="0"/>
          <a:chExt cx="0" cy="0"/>
        </a:xfrm>
      </p:grpSpPr>
      <p:sp>
        <p:nvSpPr>
          <p:cNvPr id="3" name="Foliennummernplatzhalter 5">
            <a:extLst>
              <a:ext uri="{FF2B5EF4-FFF2-40B4-BE49-F238E27FC236}">
                <a16:creationId xmlns:a16="http://schemas.microsoft.com/office/drawing/2014/main" id="{FD4B3048-7D57-1E34-135C-507545AB9863}"/>
              </a:ext>
            </a:extLst>
          </p:cNvPr>
          <p:cNvSpPr>
            <a:spLocks noGrp="1"/>
          </p:cNvSpPr>
          <p:nvPr>
            <p:ph type="sldNum" sz="quarter" idx="14"/>
          </p:nvPr>
        </p:nvSpPr>
        <p:spPr>
          <a:xfrm>
            <a:off x="0" y="6858000"/>
            <a:ext cx="0" cy="0"/>
          </a:xfrm>
        </p:spPr>
        <p:txBody>
          <a:bodyPr/>
          <a:lstStyle/>
          <a:p>
            <a:endParaRPr lang="fr-CH" dirty="0">
              <a:noFill/>
            </a:endParaRPr>
          </a:p>
        </p:txBody>
      </p:sp>
      <p:sp>
        <p:nvSpPr>
          <p:cNvPr id="2" name="Title 1">
            <a:extLst>
              <a:ext uri="{FF2B5EF4-FFF2-40B4-BE49-F238E27FC236}">
                <a16:creationId xmlns:a16="http://schemas.microsoft.com/office/drawing/2014/main" id="{4B1D8037-78B6-4041-8AEF-7554C37F4B88}"/>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7" name="Subtitle 2">
            <a:extLst>
              <a:ext uri="{FF2B5EF4-FFF2-40B4-BE49-F238E27FC236}">
                <a16:creationId xmlns:a16="http://schemas.microsoft.com/office/drawing/2014/main" id="{8423DEA3-42E8-4382-85D4-715FFD31D2F6}"/>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4" name="TextBox 3">
            <a:extLst>
              <a:ext uri="{FF2B5EF4-FFF2-40B4-BE49-F238E27FC236}">
                <a16:creationId xmlns:a16="http://schemas.microsoft.com/office/drawing/2014/main" id="{ECF725F8-33AD-4F6F-BE7C-B44355ABCABA}"/>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000000"/>
              </a:solidFill>
            </a:endParaRPr>
          </a:p>
        </p:txBody>
      </p:sp>
      <p:sp>
        <p:nvSpPr>
          <p:cNvPr id="13" name="Grafik 4">
            <a:extLst>
              <a:ext uri="{FF2B5EF4-FFF2-40B4-BE49-F238E27FC236}">
                <a16:creationId xmlns:a16="http://schemas.microsoft.com/office/drawing/2014/main" id="{203A8A28-DD17-4C81-A808-7F5B5E47B86C}"/>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5" name="Datumsplatzhalter 8">
            <a:extLst>
              <a:ext uri="{FF2B5EF4-FFF2-40B4-BE49-F238E27FC236}">
                <a16:creationId xmlns:a16="http://schemas.microsoft.com/office/drawing/2014/main" id="{177719EB-A47C-4040-3D6B-5929069049EA}"/>
              </a:ext>
            </a:extLst>
          </p:cNvPr>
          <p:cNvSpPr>
            <a:spLocks noGrp="1"/>
          </p:cNvSpPr>
          <p:nvPr>
            <p:ph type="dt" sz="half" idx="15"/>
          </p:nvPr>
        </p:nvSpPr>
        <p:spPr>
          <a:xfrm>
            <a:off x="24987"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0"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E2BBFA7E-B91D-430A-D82F-DDD3BFE143BF}"/>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
        <p:nvSpPr>
          <p:cNvPr id="9" name="Date dynamic" descr="{&quot;templafy&quot;:{&quot;id&quot;:&quot;5121b70c-b4a1-4f79-a797-248b81332030&quot;}}">
            <a:extLst>
              <a:ext uri="{FF2B5EF4-FFF2-40B4-BE49-F238E27FC236}">
                <a16:creationId xmlns:a16="http://schemas.microsoft.com/office/drawing/2014/main" id="{E27A4588-E949-4A29-E967-010EE1CB4F24}"/>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6" name="Confidentiality dynamic" descr="{&quot;templafy&quot;:{&quot;id&quot;:&quot;112a27a6-f978-466d-9e82-0d1d2bc25a88&quot;}}">
            <a:extLst>
              <a:ext uri="{FF2B5EF4-FFF2-40B4-BE49-F238E27FC236}">
                <a16:creationId xmlns:a16="http://schemas.microsoft.com/office/drawing/2014/main" id="{AE4B68A5-9765-E7B7-30F7-5B40D0D81D33}"/>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4123980975"/>
      </p:ext>
    </p:extLst>
  </p:cSld>
  <p:clrMapOvr>
    <a:masterClrMapping/>
  </p:clrMapOvr>
  <p:hf hdr="0"/>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matchingName="Nur Titel grün" preserve="1" userDrawn="1">
  <p:cSld name="Nur Titel grün">
    <p:bg>
      <p:bgPr>
        <a:solidFill>
          <a:srgbClr val="28E6A5"/>
        </a:solidFill>
        <a:effectLst/>
      </p:bgPr>
    </p:bg>
    <p:spTree>
      <p:nvGrpSpPr>
        <p:cNvPr id="1" name=""/>
        <p:cNvGrpSpPr/>
        <p:nvPr/>
      </p:nvGrpSpPr>
      <p:grpSpPr>
        <a:xfrm>
          <a:off x="0" y="0"/>
          <a:ext cx="0" cy="0"/>
          <a:chOff x="0" y="0"/>
          <a:chExt cx="0" cy="0"/>
        </a:xfrm>
      </p:grpSpPr>
      <p:sp>
        <p:nvSpPr>
          <p:cNvPr id="3" name="Foliennummernplatzhalter 5">
            <a:extLst>
              <a:ext uri="{FF2B5EF4-FFF2-40B4-BE49-F238E27FC236}">
                <a16:creationId xmlns:a16="http://schemas.microsoft.com/office/drawing/2014/main" id="{9078D91F-2A58-B8EE-77F0-0D5DE9E2805E}"/>
              </a:ext>
            </a:extLst>
          </p:cNvPr>
          <p:cNvSpPr>
            <a:spLocks noGrp="1"/>
          </p:cNvSpPr>
          <p:nvPr>
            <p:ph type="sldNum" sz="quarter" idx="14"/>
          </p:nvPr>
        </p:nvSpPr>
        <p:spPr>
          <a:xfrm>
            <a:off x="0" y="6858000"/>
            <a:ext cx="0" cy="0"/>
          </a:xfrm>
        </p:spPr>
        <p:txBody>
          <a:bodyPr/>
          <a:lstStyle/>
          <a:p>
            <a:endParaRPr lang="fr-CH" dirty="0">
              <a:noFill/>
            </a:endParaRPr>
          </a:p>
        </p:txBody>
      </p:sp>
      <p:sp>
        <p:nvSpPr>
          <p:cNvPr id="2" name="Title 1">
            <a:extLst>
              <a:ext uri="{FF2B5EF4-FFF2-40B4-BE49-F238E27FC236}">
                <a16:creationId xmlns:a16="http://schemas.microsoft.com/office/drawing/2014/main" id="{4B1D8037-78B6-4041-8AEF-7554C37F4B88}"/>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7" name="Subtitle 2">
            <a:extLst>
              <a:ext uri="{FF2B5EF4-FFF2-40B4-BE49-F238E27FC236}">
                <a16:creationId xmlns:a16="http://schemas.microsoft.com/office/drawing/2014/main" id="{8423DEA3-42E8-4382-85D4-715FFD31D2F6}"/>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4" name="TextBox 3">
            <a:extLst>
              <a:ext uri="{FF2B5EF4-FFF2-40B4-BE49-F238E27FC236}">
                <a16:creationId xmlns:a16="http://schemas.microsoft.com/office/drawing/2014/main" id="{ECF725F8-33AD-4F6F-BE7C-B44355ABCABA}"/>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000000"/>
              </a:solidFill>
            </a:endParaRPr>
          </a:p>
        </p:txBody>
      </p:sp>
      <p:sp>
        <p:nvSpPr>
          <p:cNvPr id="13" name="Grafik 4">
            <a:extLst>
              <a:ext uri="{FF2B5EF4-FFF2-40B4-BE49-F238E27FC236}">
                <a16:creationId xmlns:a16="http://schemas.microsoft.com/office/drawing/2014/main" id="{203A8A28-DD17-4C81-A808-7F5B5E47B86C}"/>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5" name="Datumsplatzhalter 8">
            <a:extLst>
              <a:ext uri="{FF2B5EF4-FFF2-40B4-BE49-F238E27FC236}">
                <a16:creationId xmlns:a16="http://schemas.microsoft.com/office/drawing/2014/main" id="{FBFCE6D2-4C02-7F16-10BF-64F7655C22C7}"/>
              </a:ext>
            </a:extLst>
          </p:cNvPr>
          <p:cNvSpPr>
            <a:spLocks noGrp="1"/>
          </p:cNvSpPr>
          <p:nvPr>
            <p:ph type="dt" sz="half" idx="15"/>
          </p:nvPr>
        </p:nvSpPr>
        <p:spPr>
          <a:xfrm>
            <a:off x="24987"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0"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4D679A78-E035-E692-A070-EB9C82564736}"/>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
        <p:nvSpPr>
          <p:cNvPr id="9" name="Date dynamic" descr="{&quot;templafy&quot;:{&quot;id&quot;:&quot;26a528a4-1a1e-481a-b228-0d1faf7a5d5e&quot;}}">
            <a:extLst>
              <a:ext uri="{FF2B5EF4-FFF2-40B4-BE49-F238E27FC236}">
                <a16:creationId xmlns:a16="http://schemas.microsoft.com/office/drawing/2014/main" id="{94629DF5-22C9-E6C4-8AA1-15BFFEBF5D34}"/>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6" name="Confidentiality dynamic" descr="{&quot;templafy&quot;:{&quot;id&quot;:&quot;0e8a3808-ed57-4db5-af6b-2ff368302c8f&quot;}}">
            <a:extLst>
              <a:ext uri="{FF2B5EF4-FFF2-40B4-BE49-F238E27FC236}">
                <a16:creationId xmlns:a16="http://schemas.microsoft.com/office/drawing/2014/main" id="{03E59BA2-3DCE-3B46-505C-A76236A13004}"/>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2810318214"/>
      </p:ext>
    </p:extLst>
  </p:cSld>
  <p:clrMapOvr>
    <a:masterClrMapping/>
  </p:clrMapOvr>
  <p:hf hdr="0"/>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matchingName="Nur Titel rot" preserve="1" userDrawn="1">
  <p:cSld name="Nur Titel rot">
    <p:bg>
      <p:bgPr>
        <a:solidFill>
          <a:srgbClr val="FF7382"/>
        </a:solidFill>
        <a:effectLst/>
      </p:bgPr>
    </p:bg>
    <p:spTree>
      <p:nvGrpSpPr>
        <p:cNvPr id="1" name=""/>
        <p:cNvGrpSpPr/>
        <p:nvPr/>
      </p:nvGrpSpPr>
      <p:grpSpPr>
        <a:xfrm>
          <a:off x="0" y="0"/>
          <a:ext cx="0" cy="0"/>
          <a:chOff x="0" y="0"/>
          <a:chExt cx="0" cy="0"/>
        </a:xfrm>
      </p:grpSpPr>
      <p:sp>
        <p:nvSpPr>
          <p:cNvPr id="3" name="Foliennummernplatzhalter 5">
            <a:extLst>
              <a:ext uri="{FF2B5EF4-FFF2-40B4-BE49-F238E27FC236}">
                <a16:creationId xmlns:a16="http://schemas.microsoft.com/office/drawing/2014/main" id="{96AAFAA0-C0D5-FFD9-AA0D-7820F8A7AD2D}"/>
              </a:ext>
            </a:extLst>
          </p:cNvPr>
          <p:cNvSpPr>
            <a:spLocks noGrp="1"/>
          </p:cNvSpPr>
          <p:nvPr>
            <p:ph type="sldNum" sz="quarter" idx="14"/>
          </p:nvPr>
        </p:nvSpPr>
        <p:spPr>
          <a:xfrm>
            <a:off x="0" y="6858000"/>
            <a:ext cx="0" cy="0"/>
          </a:xfrm>
        </p:spPr>
        <p:txBody>
          <a:bodyPr/>
          <a:lstStyle/>
          <a:p>
            <a:endParaRPr lang="fr-CH" dirty="0">
              <a:noFill/>
            </a:endParaRPr>
          </a:p>
        </p:txBody>
      </p:sp>
      <p:sp>
        <p:nvSpPr>
          <p:cNvPr id="2" name="Title 1">
            <a:extLst>
              <a:ext uri="{FF2B5EF4-FFF2-40B4-BE49-F238E27FC236}">
                <a16:creationId xmlns:a16="http://schemas.microsoft.com/office/drawing/2014/main" id="{4B1D8037-78B6-4041-8AEF-7554C37F4B88}"/>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7" name="Subtitle 2">
            <a:extLst>
              <a:ext uri="{FF2B5EF4-FFF2-40B4-BE49-F238E27FC236}">
                <a16:creationId xmlns:a16="http://schemas.microsoft.com/office/drawing/2014/main" id="{8423DEA3-42E8-4382-85D4-715FFD31D2F6}"/>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4" name="TextBox 3">
            <a:extLst>
              <a:ext uri="{FF2B5EF4-FFF2-40B4-BE49-F238E27FC236}">
                <a16:creationId xmlns:a16="http://schemas.microsoft.com/office/drawing/2014/main" id="{ECF725F8-33AD-4F6F-BE7C-B44355ABCABA}"/>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000000"/>
              </a:solidFill>
            </a:endParaRPr>
          </a:p>
        </p:txBody>
      </p:sp>
      <p:sp>
        <p:nvSpPr>
          <p:cNvPr id="13" name="Grafik 4">
            <a:extLst>
              <a:ext uri="{FF2B5EF4-FFF2-40B4-BE49-F238E27FC236}">
                <a16:creationId xmlns:a16="http://schemas.microsoft.com/office/drawing/2014/main" id="{203A8A28-DD17-4C81-A808-7F5B5E47B86C}"/>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5" name="Datumsplatzhalter 8">
            <a:extLst>
              <a:ext uri="{FF2B5EF4-FFF2-40B4-BE49-F238E27FC236}">
                <a16:creationId xmlns:a16="http://schemas.microsoft.com/office/drawing/2014/main" id="{7F08EA9E-C991-85EA-D8BA-66C09D07D354}"/>
              </a:ext>
            </a:extLst>
          </p:cNvPr>
          <p:cNvSpPr>
            <a:spLocks noGrp="1"/>
          </p:cNvSpPr>
          <p:nvPr>
            <p:ph type="dt" sz="half" idx="15"/>
          </p:nvPr>
        </p:nvSpPr>
        <p:spPr>
          <a:xfrm>
            <a:off x="24987"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0"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C0D42D76-66A7-3CBE-361F-10D5BC3F1E92}"/>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
        <p:nvSpPr>
          <p:cNvPr id="9" name="Date dynamic" descr="{&quot;templafy&quot;:{&quot;id&quot;:&quot;6a129c9c-1f69-417b-9c93-aff47e490739&quot;}}">
            <a:extLst>
              <a:ext uri="{FF2B5EF4-FFF2-40B4-BE49-F238E27FC236}">
                <a16:creationId xmlns:a16="http://schemas.microsoft.com/office/drawing/2014/main" id="{7C5C66E3-0A03-3A8D-44CB-50570005CD57}"/>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6" name="Confidentiality dynamic" descr="{&quot;templafy&quot;:{&quot;id&quot;:&quot;1f3263e0-b477-4950-8ef9-f264a491fc7f&quot;}}">
            <a:extLst>
              <a:ext uri="{FF2B5EF4-FFF2-40B4-BE49-F238E27FC236}">
                <a16:creationId xmlns:a16="http://schemas.microsoft.com/office/drawing/2014/main" id="{530C433C-1244-D92E-5A4B-E4B396926933}"/>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1115619055"/>
      </p:ext>
    </p:extLst>
  </p:cSld>
  <p:clrMapOvr>
    <a:masterClrMapping/>
  </p:clrMapOvr>
  <p:hf hdr="0"/>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matchingName="Nur Titel blau" preserve="1" userDrawn="1">
  <p:cSld name="Nur Titel blau">
    <p:bg>
      <p:bgPr>
        <a:solidFill>
          <a:srgbClr val="46CFF0"/>
        </a:solidFill>
        <a:effectLst/>
      </p:bgPr>
    </p:bg>
    <p:spTree>
      <p:nvGrpSpPr>
        <p:cNvPr id="1" name=""/>
        <p:cNvGrpSpPr/>
        <p:nvPr/>
      </p:nvGrpSpPr>
      <p:grpSpPr>
        <a:xfrm>
          <a:off x="0" y="0"/>
          <a:ext cx="0" cy="0"/>
          <a:chOff x="0" y="0"/>
          <a:chExt cx="0" cy="0"/>
        </a:xfrm>
      </p:grpSpPr>
      <p:sp>
        <p:nvSpPr>
          <p:cNvPr id="3" name="Foliennummernplatzhalter 5">
            <a:extLst>
              <a:ext uri="{FF2B5EF4-FFF2-40B4-BE49-F238E27FC236}">
                <a16:creationId xmlns:a16="http://schemas.microsoft.com/office/drawing/2014/main" id="{B15D92BB-B1D6-BD1F-21D5-ED03D5E6448C}"/>
              </a:ext>
            </a:extLst>
          </p:cNvPr>
          <p:cNvSpPr>
            <a:spLocks noGrp="1"/>
          </p:cNvSpPr>
          <p:nvPr>
            <p:ph type="sldNum" sz="quarter" idx="14"/>
          </p:nvPr>
        </p:nvSpPr>
        <p:spPr>
          <a:xfrm>
            <a:off x="0" y="6858000"/>
            <a:ext cx="0" cy="0"/>
          </a:xfrm>
        </p:spPr>
        <p:txBody>
          <a:bodyPr/>
          <a:lstStyle/>
          <a:p>
            <a:endParaRPr lang="fr-CH" dirty="0">
              <a:noFill/>
            </a:endParaRPr>
          </a:p>
        </p:txBody>
      </p:sp>
      <p:sp>
        <p:nvSpPr>
          <p:cNvPr id="2" name="Title 1">
            <a:extLst>
              <a:ext uri="{FF2B5EF4-FFF2-40B4-BE49-F238E27FC236}">
                <a16:creationId xmlns:a16="http://schemas.microsoft.com/office/drawing/2014/main" id="{4B1D8037-78B6-4041-8AEF-7554C37F4B88}"/>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7" name="Subtitle 2">
            <a:extLst>
              <a:ext uri="{FF2B5EF4-FFF2-40B4-BE49-F238E27FC236}">
                <a16:creationId xmlns:a16="http://schemas.microsoft.com/office/drawing/2014/main" id="{8423DEA3-42E8-4382-85D4-715FFD31D2F6}"/>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4" name="TextBox 3">
            <a:extLst>
              <a:ext uri="{FF2B5EF4-FFF2-40B4-BE49-F238E27FC236}">
                <a16:creationId xmlns:a16="http://schemas.microsoft.com/office/drawing/2014/main" id="{ECF725F8-33AD-4F6F-BE7C-B44355ABCABA}"/>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000000"/>
              </a:solidFill>
            </a:endParaRPr>
          </a:p>
        </p:txBody>
      </p:sp>
      <p:sp>
        <p:nvSpPr>
          <p:cNvPr id="13" name="Grafik 4">
            <a:extLst>
              <a:ext uri="{FF2B5EF4-FFF2-40B4-BE49-F238E27FC236}">
                <a16:creationId xmlns:a16="http://schemas.microsoft.com/office/drawing/2014/main" id="{203A8A28-DD17-4C81-A808-7F5B5E47B86C}"/>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9" name="Datumsplatzhalter 8">
            <a:extLst>
              <a:ext uri="{FF2B5EF4-FFF2-40B4-BE49-F238E27FC236}">
                <a16:creationId xmlns:a16="http://schemas.microsoft.com/office/drawing/2014/main" id="{4E13E3E1-E769-282A-8F7D-0E2B17752E19}"/>
              </a:ext>
            </a:extLst>
          </p:cNvPr>
          <p:cNvSpPr>
            <a:spLocks noGrp="1"/>
          </p:cNvSpPr>
          <p:nvPr>
            <p:ph type="dt" sz="half" idx="15"/>
          </p:nvPr>
        </p:nvSpPr>
        <p:spPr>
          <a:xfrm>
            <a:off x="24987"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0"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D122515C-6DAE-5BB1-C52C-C8D169AD25FA}"/>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
        <p:nvSpPr>
          <p:cNvPr id="5" name="Date dynamic" descr="{&quot;templafy&quot;:{&quot;id&quot;:&quot;db891608-a881-4d67-8c65-15b4dacc4f67&quot;}}">
            <a:extLst>
              <a:ext uri="{FF2B5EF4-FFF2-40B4-BE49-F238E27FC236}">
                <a16:creationId xmlns:a16="http://schemas.microsoft.com/office/drawing/2014/main" id="{EDC3F276-C7CE-EA53-E5AF-B229FEF4C15F}"/>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6" name="Confidentiality dynamic" descr="{&quot;templafy&quot;:{&quot;id&quot;:&quot;06f65322-9b41-44a3-abad-179952d79270&quot;}}">
            <a:extLst>
              <a:ext uri="{FF2B5EF4-FFF2-40B4-BE49-F238E27FC236}">
                <a16:creationId xmlns:a16="http://schemas.microsoft.com/office/drawing/2014/main" id="{54E013A7-3316-746C-6C86-81A7C83A8794}"/>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1619871369"/>
      </p:ext>
    </p:extLst>
  </p:cSld>
  <p:clrMapOvr>
    <a:masterClrMapping/>
  </p:clrMapOvr>
  <p:hf hdr="0"/>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matchingName="Nur Titel violett" preserve="1" userDrawn="1">
  <p:cSld name="Nur Titel violett">
    <p:bg>
      <p:bgPr>
        <a:solidFill>
          <a:srgbClr val="9664E1"/>
        </a:solidFill>
        <a:effectLst/>
      </p:bgPr>
    </p:bg>
    <p:spTree>
      <p:nvGrpSpPr>
        <p:cNvPr id="1" name=""/>
        <p:cNvGrpSpPr/>
        <p:nvPr/>
      </p:nvGrpSpPr>
      <p:grpSpPr>
        <a:xfrm>
          <a:off x="0" y="0"/>
          <a:ext cx="0" cy="0"/>
          <a:chOff x="0" y="0"/>
          <a:chExt cx="0" cy="0"/>
        </a:xfrm>
      </p:grpSpPr>
      <p:sp>
        <p:nvSpPr>
          <p:cNvPr id="3" name="Foliennummernplatzhalter 5">
            <a:extLst>
              <a:ext uri="{FF2B5EF4-FFF2-40B4-BE49-F238E27FC236}">
                <a16:creationId xmlns:a16="http://schemas.microsoft.com/office/drawing/2014/main" id="{AB2485BF-FF02-0CE0-F336-18DD2362E273}"/>
              </a:ext>
            </a:extLst>
          </p:cNvPr>
          <p:cNvSpPr>
            <a:spLocks noGrp="1"/>
          </p:cNvSpPr>
          <p:nvPr>
            <p:ph type="sldNum" sz="quarter" idx="14"/>
          </p:nvPr>
        </p:nvSpPr>
        <p:spPr>
          <a:xfrm>
            <a:off x="0" y="6858000"/>
            <a:ext cx="0" cy="0"/>
          </a:xfrm>
        </p:spPr>
        <p:txBody>
          <a:bodyPr/>
          <a:lstStyle/>
          <a:p>
            <a:endParaRPr lang="fr-CH" dirty="0">
              <a:noFill/>
            </a:endParaRPr>
          </a:p>
        </p:txBody>
      </p:sp>
      <p:sp>
        <p:nvSpPr>
          <p:cNvPr id="2" name="Title 1">
            <a:extLst>
              <a:ext uri="{FF2B5EF4-FFF2-40B4-BE49-F238E27FC236}">
                <a16:creationId xmlns:a16="http://schemas.microsoft.com/office/drawing/2014/main" id="{4B1D8037-78B6-4041-8AEF-7554C37F4B88}"/>
              </a:ext>
            </a:extLst>
          </p:cNvPr>
          <p:cNvSpPr>
            <a:spLocks noGrp="1"/>
          </p:cNvSpPr>
          <p:nvPr>
            <p:ph type="title" hasCustomPrompt="1"/>
          </p:nvPr>
        </p:nvSpPr>
        <p:spPr>
          <a:xfrm>
            <a:off x="335360" y="518746"/>
            <a:ext cx="9360000" cy="461982"/>
          </a:xfrm>
        </p:spPr>
        <p:txBody>
          <a:bodyPr/>
          <a:lstStyle/>
          <a:p>
            <a:r>
              <a:rPr lang="fr-CH" dirty="0" err="1"/>
              <a:t>Folientitel</a:t>
            </a:r>
            <a:endParaRPr lang="fr-CH" dirty="0"/>
          </a:p>
        </p:txBody>
      </p:sp>
      <p:sp>
        <p:nvSpPr>
          <p:cNvPr id="7" name="Subtitle 2">
            <a:extLst>
              <a:ext uri="{FF2B5EF4-FFF2-40B4-BE49-F238E27FC236}">
                <a16:creationId xmlns:a16="http://schemas.microsoft.com/office/drawing/2014/main" id="{8423DEA3-42E8-4382-85D4-715FFD31D2F6}"/>
              </a:ext>
            </a:extLst>
          </p:cNvPr>
          <p:cNvSpPr>
            <a:spLocks noGrp="1"/>
          </p:cNvSpPr>
          <p:nvPr>
            <p:ph type="subTitle" idx="13" hasCustomPrompt="1"/>
          </p:nvPr>
        </p:nvSpPr>
        <p:spPr>
          <a:xfrm>
            <a:off x="334963" y="222798"/>
            <a:ext cx="9360000"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4" name="TextBox 3">
            <a:extLst>
              <a:ext uri="{FF2B5EF4-FFF2-40B4-BE49-F238E27FC236}">
                <a16:creationId xmlns:a16="http://schemas.microsoft.com/office/drawing/2014/main" id="{ECF725F8-33AD-4F6F-BE7C-B44355ABCABA}"/>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000000"/>
              </a:solidFill>
            </a:endParaRPr>
          </a:p>
        </p:txBody>
      </p:sp>
      <p:sp>
        <p:nvSpPr>
          <p:cNvPr id="13" name="Grafik 4">
            <a:extLst>
              <a:ext uri="{FF2B5EF4-FFF2-40B4-BE49-F238E27FC236}">
                <a16:creationId xmlns:a16="http://schemas.microsoft.com/office/drawing/2014/main" id="{203A8A28-DD17-4C81-A808-7F5B5E47B86C}"/>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6" name="Datumsplatzhalter 8">
            <a:extLst>
              <a:ext uri="{FF2B5EF4-FFF2-40B4-BE49-F238E27FC236}">
                <a16:creationId xmlns:a16="http://schemas.microsoft.com/office/drawing/2014/main" id="{B5695906-98DA-B93C-E9E5-E8A05F1B9992}"/>
              </a:ext>
            </a:extLst>
          </p:cNvPr>
          <p:cNvSpPr>
            <a:spLocks noGrp="1"/>
          </p:cNvSpPr>
          <p:nvPr>
            <p:ph type="dt" sz="half" idx="15"/>
          </p:nvPr>
        </p:nvSpPr>
        <p:spPr>
          <a:xfrm>
            <a:off x="24987"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0"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CE58A927-3B86-E364-9316-7BCC49266F1E}"/>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
        <p:nvSpPr>
          <p:cNvPr id="9" name="Date dynamic" descr="{&quot;templafy&quot;:{&quot;id&quot;:&quot;08779d85-38cf-427d-8333-e51d8942a6eb&quot;}}">
            <a:extLst>
              <a:ext uri="{FF2B5EF4-FFF2-40B4-BE49-F238E27FC236}">
                <a16:creationId xmlns:a16="http://schemas.microsoft.com/office/drawing/2014/main" id="{6C4722DC-CCAC-9F52-60C2-57093F273AA9}"/>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5" name="Confidentiality dynamic" descr="{&quot;templafy&quot;:{&quot;id&quot;:&quot;d5834516-308f-484a-9c82-17711f9cd30f&quot;}}">
            <a:extLst>
              <a:ext uri="{FF2B5EF4-FFF2-40B4-BE49-F238E27FC236}">
                <a16:creationId xmlns:a16="http://schemas.microsoft.com/office/drawing/2014/main" id="{59183325-ED81-76CB-5051-12EE20126273}"/>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2936866498"/>
      </p:ext>
    </p:extLst>
  </p:cSld>
  <p:clrMapOvr>
    <a:masterClrMapping/>
  </p:clrMapOvr>
  <p:hf hdr="0"/>
</p:sldLayout>
</file>

<file path=ppt/slideLayouts/slideLayout56.xml><?xml version="1.0" encoding="utf-8"?>
<p:sldLayout xmlns:a="http://schemas.openxmlformats.org/drawingml/2006/main" xmlns:r="http://schemas.openxmlformats.org/officeDocument/2006/relationships" xmlns:p="http://schemas.openxmlformats.org/presentationml/2006/main" matchingName="Leer" preserve="1" userDrawn="1">
  <p:cSld name="Leer">
    <p:spTree>
      <p:nvGrpSpPr>
        <p:cNvPr id="1" name=""/>
        <p:cNvGrpSpPr/>
        <p:nvPr/>
      </p:nvGrpSpPr>
      <p:grpSpPr>
        <a:xfrm>
          <a:off x="0" y="0"/>
          <a:ext cx="0" cy="0"/>
          <a:chOff x="0" y="0"/>
          <a:chExt cx="0" cy="0"/>
        </a:xfrm>
      </p:grpSpPr>
      <p:sp>
        <p:nvSpPr>
          <p:cNvPr id="2" name="Foliennummernplatzhalter 1">
            <a:extLst>
              <a:ext uri="{FF2B5EF4-FFF2-40B4-BE49-F238E27FC236}">
                <a16:creationId xmlns:a16="http://schemas.microsoft.com/office/drawing/2014/main" id="{51E132BD-FF38-4B86-A630-04C2D8FE6B50}"/>
              </a:ext>
            </a:extLst>
          </p:cNvPr>
          <p:cNvSpPr>
            <a:spLocks noGrp="1"/>
          </p:cNvSpPr>
          <p:nvPr>
            <p:ph type="sldNum" sz="quarter" idx="12"/>
          </p:nvPr>
        </p:nvSpPr>
        <p:spPr/>
        <p:txBody>
          <a:bodyPr/>
          <a:lstStyle/>
          <a:p>
            <a:fld id="{9CFF9C41-6E8B-4C89-8A20-D62892AF7C6A}" type="slidenum">
              <a:rPr lang="fr-CH" smtClean="0"/>
              <a:pPr/>
              <a:t>‹N°›</a:t>
            </a:fld>
            <a:endParaRPr lang="fr-CH" dirty="0"/>
          </a:p>
        </p:txBody>
      </p:sp>
      <p:sp>
        <p:nvSpPr>
          <p:cNvPr id="3" name="TextBox 2">
            <a:extLst>
              <a:ext uri="{FF2B5EF4-FFF2-40B4-BE49-F238E27FC236}">
                <a16:creationId xmlns:a16="http://schemas.microsoft.com/office/drawing/2014/main" id="{7D89546B-1B59-43D2-8D6F-37E09AFDD6C2}"/>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6" name="Datumsplatzhalter 3">
            <a:extLst>
              <a:ext uri="{FF2B5EF4-FFF2-40B4-BE49-F238E27FC236}">
                <a16:creationId xmlns:a16="http://schemas.microsoft.com/office/drawing/2014/main" id="{FD1B5A62-0EA1-DF49-E19C-E2C210F0B752}"/>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3973148036"/>
      </p:ext>
    </p:extLst>
  </p:cSld>
  <p:clrMapOvr>
    <a:masterClrMapping/>
  </p:clrMapOvr>
  <p:hf hdr="0"/>
</p:sldLayout>
</file>

<file path=ppt/slideLayouts/slideLayout57.xml><?xml version="1.0" encoding="utf-8"?>
<p:sldLayout xmlns:a="http://schemas.openxmlformats.org/drawingml/2006/main" xmlns:r="http://schemas.openxmlformats.org/officeDocument/2006/relationships" xmlns:p="http://schemas.openxmlformats.org/presentationml/2006/main" matchingName="Schlusswort weiss" preserve="1" userDrawn="1">
  <p:cSld name="Schlusswort weiss">
    <p:bg>
      <p:bgPr>
        <a:solidFill>
          <a:srgbClr val="FFFFFF"/>
        </a:solidFill>
        <a:effectLst/>
      </p:bgPr>
    </p:bg>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2" y="260648"/>
            <a:ext cx="9361487" cy="5689301"/>
          </a:xfrm>
        </p:spPr>
        <p:txBody>
          <a:bodyPr/>
          <a:lstStyle>
            <a:lvl1pPr marL="0" indent="0">
              <a:lnSpc>
                <a:spcPct val="100000"/>
              </a:lnSpc>
              <a:spcBef>
                <a:spcPts val="300"/>
              </a:spcBef>
              <a:buFont typeface="+mj-lt"/>
              <a:buNone/>
              <a:defRPr sz="3000">
                <a:solidFill>
                  <a:schemeClr val="tx2"/>
                </a:solidFill>
              </a:defRPr>
            </a:lvl1pPr>
          </a:lstStyle>
          <a:p>
            <a:pPr lvl="0"/>
            <a:r>
              <a:rPr lang="fr-CH" dirty="0" err="1"/>
              <a:t>Schlusswort</a:t>
            </a:r>
            <a:r>
              <a:rPr lang="fr-CH" dirty="0"/>
              <a:t> / </a:t>
            </a:r>
            <a:r>
              <a:rPr lang="fr-CH" dirty="0" err="1"/>
              <a:t>Dank</a:t>
            </a:r>
            <a:r>
              <a:rPr lang="fr-CH" dirty="0"/>
              <a:t> </a:t>
            </a:r>
            <a:br>
              <a:rPr lang="fr-CH" dirty="0"/>
            </a:br>
            <a:r>
              <a:rPr lang="fr-CH" dirty="0" err="1"/>
              <a:t>auf</a:t>
            </a:r>
            <a:r>
              <a:rPr lang="fr-CH" dirty="0"/>
              <a:t> </a:t>
            </a:r>
            <a:r>
              <a:rPr lang="fr-CH" dirty="0" err="1"/>
              <a:t>mehreren</a:t>
            </a:r>
            <a:r>
              <a:rPr lang="fr-CH" dirty="0"/>
              <a:t> </a:t>
            </a:r>
            <a:r>
              <a:rPr lang="fr-CH" dirty="0" err="1"/>
              <a:t>Zeilen</a:t>
            </a:r>
            <a:br>
              <a:rPr lang="fr-CH" dirty="0"/>
            </a:br>
            <a:endParaRPr lang="fr-CH" dirty="0"/>
          </a:p>
        </p:txBody>
      </p:sp>
      <p:sp>
        <p:nvSpPr>
          <p:cNvPr id="4" name="TextBox 3">
            <a:extLst>
              <a:ext uri="{FF2B5EF4-FFF2-40B4-BE49-F238E27FC236}">
                <a16:creationId xmlns:a16="http://schemas.microsoft.com/office/drawing/2014/main" id="{980AE77B-8094-44F5-97F4-0A72ECC52687}"/>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5" name="Foliennummernplatzhalter 4">
            <a:extLst>
              <a:ext uri="{FF2B5EF4-FFF2-40B4-BE49-F238E27FC236}">
                <a16:creationId xmlns:a16="http://schemas.microsoft.com/office/drawing/2014/main" id="{990DB12B-8D4D-4C81-9EA7-E701613D0AB2}"/>
              </a:ext>
            </a:extLst>
          </p:cNvPr>
          <p:cNvSpPr>
            <a:spLocks noGrp="1"/>
          </p:cNvSpPr>
          <p:nvPr>
            <p:ph type="sldNum" sz="quarter" idx="17"/>
          </p:nvPr>
        </p:nvSpPr>
        <p:spPr/>
        <p:txBody>
          <a:bodyPr/>
          <a:lstStyle/>
          <a:p>
            <a:fld id="{F04A2073-1436-4B1D-91FC-A8A980000FA6}" type="slidenum">
              <a:rPr lang="fr-CH" smtClean="0"/>
              <a:pPr/>
              <a:t>‹N°›</a:t>
            </a:fld>
            <a:endParaRPr lang="fr-CH" dirty="0"/>
          </a:p>
        </p:txBody>
      </p:sp>
      <p:sp>
        <p:nvSpPr>
          <p:cNvPr id="10" name="Datumsplatzhalter 1">
            <a:extLst>
              <a:ext uri="{FF2B5EF4-FFF2-40B4-BE49-F238E27FC236}">
                <a16:creationId xmlns:a16="http://schemas.microsoft.com/office/drawing/2014/main" id="{6BB5DC74-2C71-E2FA-4AA1-93D99FA5E0E7}"/>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818259237"/>
      </p:ext>
    </p:extLst>
  </p:cSld>
  <p:clrMapOvr>
    <a:masterClrMapping/>
  </p:clrMapOvr>
  <p:hf hdr="0"/>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matchingName="Schlusswort akzentuiert" preserve="1" userDrawn="1">
  <p:cSld name="Schlusswort akzentuiert">
    <p:bg>
      <p:bgPr>
        <a:solidFill>
          <a:schemeClr val="accent1"/>
        </a:solidFill>
        <a:effectLst/>
      </p:bgPr>
    </p:bg>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2" y="260648"/>
            <a:ext cx="9361487" cy="5689301"/>
          </a:xfrm>
        </p:spPr>
        <p:txBody>
          <a:bodyPr/>
          <a:lstStyle>
            <a:lvl1pPr marL="0" indent="0">
              <a:lnSpc>
                <a:spcPct val="100000"/>
              </a:lnSpc>
              <a:spcBef>
                <a:spcPts val="300"/>
              </a:spcBef>
              <a:buFont typeface="+mj-lt"/>
              <a:buNone/>
              <a:defRPr sz="3000"/>
            </a:lvl1pPr>
          </a:lstStyle>
          <a:p>
            <a:pPr lvl="0"/>
            <a:r>
              <a:rPr lang="fr-CH" dirty="0" err="1"/>
              <a:t>Schlusswort</a:t>
            </a:r>
            <a:r>
              <a:rPr lang="fr-CH" dirty="0"/>
              <a:t> / </a:t>
            </a:r>
            <a:r>
              <a:rPr lang="fr-CH" dirty="0" err="1"/>
              <a:t>Dank</a:t>
            </a:r>
            <a:br>
              <a:rPr lang="fr-CH" dirty="0"/>
            </a:br>
            <a:r>
              <a:rPr lang="fr-CH" dirty="0" err="1"/>
              <a:t>auf</a:t>
            </a:r>
            <a:r>
              <a:rPr lang="fr-CH" dirty="0"/>
              <a:t> </a:t>
            </a:r>
            <a:r>
              <a:rPr lang="fr-CH" dirty="0" err="1"/>
              <a:t>mehreren</a:t>
            </a:r>
            <a:r>
              <a:rPr lang="fr-CH" dirty="0"/>
              <a:t> </a:t>
            </a:r>
            <a:r>
              <a:rPr lang="fr-CH" dirty="0" err="1"/>
              <a:t>Zeilen</a:t>
            </a:r>
            <a:endParaRPr lang="fr-CH" dirty="0"/>
          </a:p>
        </p:txBody>
      </p:sp>
      <p:sp>
        <p:nvSpPr>
          <p:cNvPr id="4" name="TextBox 3">
            <a:extLst>
              <a:ext uri="{FF2B5EF4-FFF2-40B4-BE49-F238E27FC236}">
                <a16:creationId xmlns:a16="http://schemas.microsoft.com/office/drawing/2014/main" id="{980AE77B-8094-44F5-97F4-0A72ECC52687}"/>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6" name="Grafik 4">
            <a:extLst>
              <a:ext uri="{FF2B5EF4-FFF2-40B4-BE49-F238E27FC236}">
                <a16:creationId xmlns:a16="http://schemas.microsoft.com/office/drawing/2014/main" id="{EAD8F12F-9322-46F7-83E9-51C0935FEA7D}"/>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2" name="Datumsplatzhalter 1">
            <a:extLst>
              <a:ext uri="{FF2B5EF4-FFF2-40B4-BE49-F238E27FC236}">
                <a16:creationId xmlns:a16="http://schemas.microsoft.com/office/drawing/2014/main" id="{58CF4D2F-BF23-EFAD-EEF1-2320979CE2A5}"/>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8" name="Foliennummernplatzhalter 2">
            <a:extLst>
              <a:ext uri="{FF2B5EF4-FFF2-40B4-BE49-F238E27FC236}">
                <a16:creationId xmlns:a16="http://schemas.microsoft.com/office/drawing/2014/main" id="{F30C0FD3-F443-2CDF-CDA2-9E61A6DA8B1B}"/>
              </a:ext>
            </a:extLst>
          </p:cNvPr>
          <p:cNvSpPr>
            <a:spLocks noGrp="1"/>
          </p:cNvSpPr>
          <p:nvPr>
            <p:ph type="sldNum" sz="quarter" idx="16"/>
          </p:nvPr>
        </p:nvSpPr>
        <p:spPr>
          <a:xfrm>
            <a:off x="0" y="6858000"/>
            <a:ext cx="0" cy="0"/>
          </a:xfrm>
        </p:spPr>
        <p:txBody>
          <a:bodyPr/>
          <a:lstStyle>
            <a:lvl1pPr>
              <a:defRPr>
                <a:noFill/>
              </a:defRPr>
            </a:lvl1pPr>
          </a:lstStyle>
          <a:p>
            <a:endParaRPr lang="fr-CH" dirty="0"/>
          </a:p>
        </p:txBody>
      </p:sp>
      <p:sp>
        <p:nvSpPr>
          <p:cNvPr id="9"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A07E9FD5-2744-9DFC-6B4F-1030B1165AAE}"/>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
        <p:nvSpPr>
          <p:cNvPr id="3" name="Date dynamic" descr="{&quot;templafy&quot;:{&quot;id&quot;:&quot;6537c462-1ebb-4520-b3cb-ebdbcb6bdbd4&quot;}}">
            <a:extLst>
              <a:ext uri="{FF2B5EF4-FFF2-40B4-BE49-F238E27FC236}">
                <a16:creationId xmlns:a16="http://schemas.microsoft.com/office/drawing/2014/main" id="{FBE2F6A6-4FF0-F664-FDC6-ED6180B19A15}"/>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5" name="Confidentiality dynamic" descr="{&quot;templafy&quot;:{&quot;id&quot;:&quot;bc163d6f-b9fb-4392-bc2b-47656b0178fb&quot;}}">
            <a:extLst>
              <a:ext uri="{FF2B5EF4-FFF2-40B4-BE49-F238E27FC236}">
                <a16:creationId xmlns:a16="http://schemas.microsoft.com/office/drawing/2014/main" id="{E2120587-4BA7-B959-6CE5-E37AB74A4266}"/>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1316287602"/>
      </p:ext>
    </p:extLst>
  </p:cSld>
  <p:clrMapOvr>
    <a:masterClrMapping/>
  </p:clrMapOvr>
  <p:hf hdr="0"/>
</p:sldLayout>
</file>

<file path=ppt/slideLayouts/slideLayout59.xml><?xml version="1.0" encoding="utf-8"?>
<p:sldLayout xmlns:a="http://schemas.openxmlformats.org/drawingml/2006/main" xmlns:r="http://schemas.openxmlformats.org/officeDocument/2006/relationships" xmlns:p="http://schemas.openxmlformats.org/presentationml/2006/main" matchingName="Schlussfolie" preserve="1" userDrawn="1">
  <p:cSld name="1_Schlussfolie">
    <p:bg>
      <p:bgPr>
        <a:solidFill>
          <a:srgbClr val="FFFFFF"/>
        </a:solidFill>
        <a:effectLst/>
      </p:bgPr>
    </p:bg>
    <p:spTree>
      <p:nvGrpSpPr>
        <p:cNvPr id="1" name=""/>
        <p:cNvGrpSpPr/>
        <p:nvPr/>
      </p:nvGrpSpPr>
      <p:grpSpPr>
        <a:xfrm>
          <a:off x="0" y="0"/>
          <a:ext cx="0" cy="0"/>
          <a:chOff x="0" y="0"/>
          <a:chExt cx="0" cy="0"/>
        </a:xfrm>
      </p:grpSpPr>
      <p:sp>
        <p:nvSpPr>
          <p:cNvPr id="18" name="Rectangle 1">
            <a:extLst>
              <a:ext uri="{FF2B5EF4-FFF2-40B4-BE49-F238E27FC236}">
                <a16:creationId xmlns:a16="http://schemas.microsoft.com/office/drawing/2014/main" id="{A6AEC0B0-9079-BC20-2FD0-F7CEA627F65E}"/>
              </a:ext>
            </a:extLst>
          </p:cNvPr>
          <p:cNvSpPr/>
          <p:nvPr userDrawn="1"/>
        </p:nvSpPr>
        <p:spPr>
          <a:xfrm>
            <a:off x="0" y="0"/>
            <a:ext cx="12192000" cy="6858000"/>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sz="1200" dirty="0" err="1">
              <a:solidFill>
                <a:schemeClr val="tx1"/>
              </a:solidFill>
            </a:endParaRPr>
          </a:p>
        </p:txBody>
      </p:sp>
      <p:sp>
        <p:nvSpPr>
          <p:cNvPr id="19" name="Text Placeholder 10">
            <a:extLst>
              <a:ext uri="{FF2B5EF4-FFF2-40B4-BE49-F238E27FC236}">
                <a16:creationId xmlns:a16="http://schemas.microsoft.com/office/drawing/2014/main" id="{EB0E7D4B-D184-A412-06AC-52428D77EF67}"/>
              </a:ext>
            </a:extLst>
          </p:cNvPr>
          <p:cNvSpPr>
            <a:spLocks noGrp="1"/>
          </p:cNvSpPr>
          <p:nvPr>
            <p:ph type="body" sz="quarter" idx="14" hasCustomPrompt="1"/>
          </p:nvPr>
        </p:nvSpPr>
        <p:spPr>
          <a:xfrm>
            <a:off x="334962" y="1667042"/>
            <a:ext cx="3600000" cy="169277"/>
          </a:xfrm>
        </p:spPr>
        <p:txBody>
          <a:bodyPr wrap="none">
            <a:noAutofit/>
          </a:bodyPr>
          <a:lstStyle>
            <a:lvl1pPr marL="0" indent="0">
              <a:lnSpc>
                <a:spcPct val="122000"/>
              </a:lnSpc>
              <a:spcBef>
                <a:spcPts val="0"/>
              </a:spcBef>
              <a:buFont typeface="+mj-lt"/>
              <a:buNone/>
              <a:defRPr sz="1100">
                <a:solidFill>
                  <a:schemeClr val="tx2"/>
                </a:solidFill>
              </a:defRPr>
            </a:lvl1pPr>
          </a:lstStyle>
          <a:p>
            <a:pPr lvl="0"/>
            <a:r>
              <a:rPr lang="fr-CH" dirty="0" err="1"/>
              <a:t>Text</a:t>
            </a:r>
            <a:r>
              <a:rPr lang="fr-CH" dirty="0"/>
              <a:t> </a:t>
            </a:r>
            <a:r>
              <a:rPr lang="fr-CH" dirty="0" err="1"/>
              <a:t>hinzufügen</a:t>
            </a:r>
            <a:r>
              <a:rPr lang="fr-CH" dirty="0"/>
              <a:t>, </a:t>
            </a:r>
            <a:r>
              <a:rPr lang="fr-CH" dirty="0" err="1"/>
              <a:t>z.B</a:t>
            </a:r>
            <a:r>
              <a:rPr lang="fr-CH" dirty="0"/>
              <a:t>. «</a:t>
            </a:r>
            <a:r>
              <a:rPr lang="fr-CH" dirty="0" err="1"/>
              <a:t>Vorbereitet</a:t>
            </a:r>
            <a:r>
              <a:rPr lang="fr-CH" dirty="0"/>
              <a:t> </a:t>
            </a:r>
            <a:r>
              <a:rPr lang="fr-CH" dirty="0" err="1"/>
              <a:t>für</a:t>
            </a:r>
            <a:r>
              <a:rPr lang="fr-CH" dirty="0"/>
              <a:t>»</a:t>
            </a:r>
          </a:p>
        </p:txBody>
      </p:sp>
      <p:sp>
        <p:nvSpPr>
          <p:cNvPr id="20" name="Text Placeholder 10">
            <a:extLst>
              <a:ext uri="{FF2B5EF4-FFF2-40B4-BE49-F238E27FC236}">
                <a16:creationId xmlns:a16="http://schemas.microsoft.com/office/drawing/2014/main" id="{730A9249-3B27-018B-9626-0D564D79B929}"/>
              </a:ext>
            </a:extLst>
          </p:cNvPr>
          <p:cNvSpPr>
            <a:spLocks noGrp="1"/>
          </p:cNvSpPr>
          <p:nvPr>
            <p:ph type="body" sz="quarter" idx="17" hasCustomPrompt="1"/>
          </p:nvPr>
        </p:nvSpPr>
        <p:spPr>
          <a:xfrm>
            <a:off x="334962" y="1853365"/>
            <a:ext cx="5761038" cy="286674"/>
          </a:xfrm>
        </p:spPr>
        <p:txBody>
          <a:bodyPr wrap="square">
            <a:noAutofit/>
          </a:bodyPr>
          <a:lstStyle>
            <a:lvl1pPr marL="0" indent="0">
              <a:lnSpc>
                <a:spcPct val="122000"/>
              </a:lnSpc>
              <a:spcBef>
                <a:spcPts val="0"/>
              </a:spcBef>
              <a:buFont typeface="+mj-lt"/>
              <a:buNone/>
              <a:defRPr sz="2000">
                <a:solidFill>
                  <a:srgbClr val="000000"/>
                </a:solidFill>
              </a:defRPr>
            </a:lvl1pPr>
          </a:lstStyle>
          <a:p>
            <a:pPr lvl="0"/>
            <a:r>
              <a:rPr lang="fr-CH" dirty="0" err="1"/>
              <a:t>Klient</a:t>
            </a:r>
            <a:r>
              <a:rPr lang="fr-CH" dirty="0"/>
              <a:t>, </a:t>
            </a:r>
            <a:r>
              <a:rPr lang="fr-CH" dirty="0" err="1"/>
              <a:t>Namen</a:t>
            </a:r>
            <a:endParaRPr lang="fr-CH" dirty="0"/>
          </a:p>
        </p:txBody>
      </p:sp>
      <p:sp>
        <p:nvSpPr>
          <p:cNvPr id="21" name="Text Placeholder 10">
            <a:extLst>
              <a:ext uri="{FF2B5EF4-FFF2-40B4-BE49-F238E27FC236}">
                <a16:creationId xmlns:a16="http://schemas.microsoft.com/office/drawing/2014/main" id="{3D853ACA-32EE-0272-011D-CBB3B2836CE2}"/>
              </a:ext>
            </a:extLst>
          </p:cNvPr>
          <p:cNvSpPr>
            <a:spLocks noGrp="1"/>
          </p:cNvSpPr>
          <p:nvPr>
            <p:ph type="body" sz="quarter" idx="20" hasCustomPrompt="1"/>
          </p:nvPr>
        </p:nvSpPr>
        <p:spPr>
          <a:xfrm>
            <a:off x="1991544" y="6197768"/>
            <a:ext cx="2808312" cy="435568"/>
          </a:xfrm>
        </p:spPr>
        <p:txBody>
          <a:bodyPr wrap="square" anchor="b">
            <a:spAutoFit/>
          </a:bodyPr>
          <a:lstStyle>
            <a:lvl1pPr marL="0" indent="0">
              <a:lnSpc>
                <a:spcPct val="122000"/>
              </a:lnSpc>
              <a:spcBef>
                <a:spcPts val="0"/>
              </a:spcBef>
              <a:buFont typeface="+mj-lt"/>
              <a:buNone/>
              <a:tabLst>
                <a:tab pos="162000" algn="l"/>
              </a:tabLst>
              <a:defRPr sz="1200">
                <a:solidFill>
                  <a:schemeClr val="tx2"/>
                </a:solidFill>
              </a:defRPr>
            </a:lvl1pPr>
          </a:lstStyle>
          <a:p>
            <a:pPr lvl="0"/>
            <a:r>
              <a:rPr lang="fr-CH" dirty="0" err="1"/>
              <a:t>Absender</a:t>
            </a:r>
            <a:r>
              <a:rPr lang="fr-CH" dirty="0"/>
              <a:t> der </a:t>
            </a:r>
            <a:br>
              <a:rPr lang="fr-CH" dirty="0"/>
            </a:br>
            <a:r>
              <a:rPr lang="fr-CH" dirty="0" err="1"/>
              <a:t>ersten</a:t>
            </a:r>
            <a:r>
              <a:rPr lang="fr-CH" dirty="0"/>
              <a:t> Person</a:t>
            </a:r>
          </a:p>
        </p:txBody>
      </p:sp>
      <p:sp>
        <p:nvSpPr>
          <p:cNvPr id="22" name="Text Placeholder 10">
            <a:extLst>
              <a:ext uri="{FF2B5EF4-FFF2-40B4-BE49-F238E27FC236}">
                <a16:creationId xmlns:a16="http://schemas.microsoft.com/office/drawing/2014/main" id="{C44207EE-0463-AA44-CE4C-58869B62CD58}"/>
              </a:ext>
            </a:extLst>
          </p:cNvPr>
          <p:cNvSpPr>
            <a:spLocks noGrp="1"/>
          </p:cNvSpPr>
          <p:nvPr>
            <p:ph type="body" sz="quarter" idx="21" hasCustomPrompt="1"/>
          </p:nvPr>
        </p:nvSpPr>
        <p:spPr>
          <a:xfrm>
            <a:off x="5137486" y="6197768"/>
            <a:ext cx="2808312" cy="435568"/>
          </a:xfrm>
        </p:spPr>
        <p:txBody>
          <a:bodyPr wrap="square" anchor="b">
            <a:spAutoFit/>
          </a:bodyPr>
          <a:lstStyle>
            <a:lvl1pPr marL="0" indent="0">
              <a:lnSpc>
                <a:spcPct val="122000"/>
              </a:lnSpc>
              <a:spcBef>
                <a:spcPts val="0"/>
              </a:spcBef>
              <a:buFont typeface="+mj-lt"/>
              <a:buNone/>
              <a:tabLst>
                <a:tab pos="162000" algn="l"/>
              </a:tabLst>
              <a:defRPr sz="1200">
                <a:solidFill>
                  <a:schemeClr val="tx2"/>
                </a:solidFill>
              </a:defRPr>
            </a:lvl1pPr>
          </a:lstStyle>
          <a:p>
            <a:pPr lvl="0"/>
            <a:r>
              <a:rPr lang="fr-CH" dirty="0" err="1"/>
              <a:t>Absender</a:t>
            </a:r>
            <a:r>
              <a:rPr lang="fr-CH" dirty="0"/>
              <a:t> der </a:t>
            </a:r>
            <a:br>
              <a:rPr lang="fr-CH" dirty="0"/>
            </a:br>
            <a:r>
              <a:rPr lang="fr-CH" dirty="0" err="1"/>
              <a:t>zweiten</a:t>
            </a:r>
            <a:r>
              <a:rPr lang="fr-CH" dirty="0"/>
              <a:t> Person</a:t>
            </a:r>
          </a:p>
        </p:txBody>
      </p:sp>
      <p:sp>
        <p:nvSpPr>
          <p:cNvPr id="23" name="Text Placeholder 10">
            <a:extLst>
              <a:ext uri="{FF2B5EF4-FFF2-40B4-BE49-F238E27FC236}">
                <a16:creationId xmlns:a16="http://schemas.microsoft.com/office/drawing/2014/main" id="{E075893A-9BA9-EB1A-A585-DDA00606603A}"/>
              </a:ext>
            </a:extLst>
          </p:cNvPr>
          <p:cNvSpPr>
            <a:spLocks noGrp="1"/>
          </p:cNvSpPr>
          <p:nvPr>
            <p:ph type="body" sz="quarter" idx="22" hasCustomPrompt="1"/>
          </p:nvPr>
        </p:nvSpPr>
        <p:spPr>
          <a:xfrm>
            <a:off x="8283428" y="6197768"/>
            <a:ext cx="2808312" cy="435568"/>
          </a:xfrm>
        </p:spPr>
        <p:txBody>
          <a:bodyPr wrap="square" anchor="b">
            <a:spAutoFit/>
          </a:bodyPr>
          <a:lstStyle>
            <a:lvl1pPr marL="0" indent="0">
              <a:lnSpc>
                <a:spcPct val="122000"/>
              </a:lnSpc>
              <a:spcBef>
                <a:spcPts val="0"/>
              </a:spcBef>
              <a:buFont typeface="+mj-lt"/>
              <a:buNone/>
              <a:tabLst>
                <a:tab pos="162000" algn="l"/>
              </a:tabLst>
              <a:defRPr sz="1200">
                <a:solidFill>
                  <a:schemeClr val="tx2"/>
                </a:solidFill>
              </a:defRPr>
            </a:lvl1pPr>
          </a:lstStyle>
          <a:p>
            <a:pPr lvl="0"/>
            <a:r>
              <a:rPr lang="fr-CH" dirty="0" err="1"/>
              <a:t>Absender</a:t>
            </a:r>
            <a:r>
              <a:rPr lang="fr-CH" dirty="0"/>
              <a:t> der </a:t>
            </a:r>
            <a:br>
              <a:rPr lang="fr-CH" dirty="0"/>
            </a:br>
            <a:r>
              <a:rPr lang="fr-CH" dirty="0" err="1"/>
              <a:t>zweiten</a:t>
            </a:r>
            <a:r>
              <a:rPr lang="fr-CH" dirty="0"/>
              <a:t> Person</a:t>
            </a:r>
          </a:p>
        </p:txBody>
      </p:sp>
      <p:sp>
        <p:nvSpPr>
          <p:cNvPr id="24" name="Grafik 4">
            <a:extLst>
              <a:ext uri="{FF2B5EF4-FFF2-40B4-BE49-F238E27FC236}">
                <a16:creationId xmlns:a16="http://schemas.microsoft.com/office/drawing/2014/main" id="{7BF7387B-F420-E168-A4F7-5AA486EA33EA}"/>
              </a:ext>
            </a:extLst>
          </p:cNvPr>
          <p:cNvSpPr/>
          <p:nvPr userDrawn="1">
            <p:custDataLst>
              <p:tags r:id="rId1"/>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rgbClr val="969696"/>
          </a:solidFill>
          <a:ln w="1569" cap="flat">
            <a:noFill/>
            <a:prstDash val="solid"/>
            <a:miter/>
          </a:ln>
        </p:spPr>
        <p:txBody>
          <a:bodyPr rtlCol="0" anchor="ctr"/>
          <a:lstStyle/>
          <a:p>
            <a:endParaRPr lang="fr-CH" dirty="0"/>
          </a:p>
        </p:txBody>
      </p:sp>
      <p:sp>
        <p:nvSpPr>
          <p:cNvPr id="25" name="Company data dynamic" descr="{&quot;templafy&quot;:{&quot;id&quot;:&quot;77a3f190-018e-4d71-a515-63ae8112e781&quot;}}">
            <a:extLst>
              <a:ext uri="{FF2B5EF4-FFF2-40B4-BE49-F238E27FC236}">
                <a16:creationId xmlns:a16="http://schemas.microsoft.com/office/drawing/2014/main" id="{95F50C33-BECD-E491-A8B0-303FF842846F}"/>
              </a:ext>
            </a:extLst>
          </p:cNvPr>
          <p:cNvSpPr/>
          <p:nvPr userDrawn="1"/>
        </p:nvSpPr>
        <p:spPr>
          <a:xfrm>
            <a:off x="334962" y="5949950"/>
            <a:ext cx="1318952" cy="68338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122000"/>
              </a:lnSpc>
            </a:pPr>
            <a:r>
              <a:rPr lang="fr-CH" sz="1200" kern="1200" noProof="0" dirty="0">
                <a:solidFill>
                  <a:schemeClr val="tx1"/>
                </a:solidFill>
                <a:latin typeface="+mn-lt"/>
                <a:ea typeface="+mn-ea"/>
                <a:cs typeface="+mn-cs"/>
              </a:rPr>
              <a:t>Homburger AG      Prime Tower      Hardstrasse 201
CH-8005 Zürich</a:t>
            </a:r>
            <a:endParaRPr lang="fr-CH" dirty="0"/>
          </a:p>
        </p:txBody>
      </p:sp>
    </p:spTree>
    <p:extLst>
      <p:ext uri="{BB962C8B-B14F-4D97-AF65-F5344CB8AC3E}">
        <p14:creationId xmlns:p14="http://schemas.microsoft.com/office/powerpoint/2010/main" val="109816467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matchingName="Kapiteltitel akzentuiert" preserve="1" userDrawn="1">
  <p:cSld name="Kapiteltitel akzentuiert">
    <p:bg>
      <p:bgPr>
        <a:solidFill>
          <a:schemeClr val="accent1"/>
        </a:solidFill>
        <a:effectLst/>
      </p:bgPr>
    </p:bg>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2" y="260648"/>
            <a:ext cx="9361487" cy="5689301"/>
          </a:xfrm>
        </p:spPr>
        <p:txBody>
          <a:bodyPr/>
          <a:lstStyle>
            <a:lvl1pPr marL="0" indent="0">
              <a:lnSpc>
                <a:spcPct val="100000"/>
              </a:lnSpc>
              <a:spcBef>
                <a:spcPts val="300"/>
              </a:spcBef>
              <a:buFont typeface="+mj-lt"/>
              <a:buNone/>
              <a:tabLst>
                <a:tab pos="540000" algn="l"/>
              </a:tabLst>
              <a:defRPr sz="3000"/>
            </a:lvl1pPr>
          </a:lstStyle>
          <a:p>
            <a:pPr lvl="0"/>
            <a:r>
              <a:rPr lang="fr-CH" dirty="0"/>
              <a:t>1.	</a:t>
            </a:r>
            <a:r>
              <a:rPr lang="fr-CH" dirty="0" err="1"/>
              <a:t>Kapiteltitel</a:t>
            </a:r>
            <a:endParaRPr lang="fr-CH" dirty="0"/>
          </a:p>
        </p:txBody>
      </p:sp>
      <p:sp>
        <p:nvSpPr>
          <p:cNvPr id="4" name="TextBox 3">
            <a:extLst>
              <a:ext uri="{FF2B5EF4-FFF2-40B4-BE49-F238E27FC236}">
                <a16:creationId xmlns:a16="http://schemas.microsoft.com/office/drawing/2014/main" id="{980AE77B-8094-44F5-97F4-0A72ECC52687}"/>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chemeClr val="tx1"/>
              </a:solidFill>
            </a:endParaRPr>
          </a:p>
        </p:txBody>
      </p:sp>
      <p:sp>
        <p:nvSpPr>
          <p:cNvPr id="5" name="Grafik 4">
            <a:extLst>
              <a:ext uri="{FF2B5EF4-FFF2-40B4-BE49-F238E27FC236}">
                <a16:creationId xmlns:a16="http://schemas.microsoft.com/office/drawing/2014/main" id="{74A48A72-F7F8-4ABD-B748-61C4CA1F19A5}"/>
              </a:ext>
            </a:extLst>
          </p:cNvPr>
          <p:cNvSpPr/>
          <p:nvPr userDrawn="1">
            <p:custDataLst>
              <p:tags r:id="rId2"/>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chemeClr val="tx1"/>
          </a:solidFill>
          <a:ln w="1569" cap="flat">
            <a:noFill/>
            <a:prstDash val="solid"/>
            <a:miter/>
          </a:ln>
        </p:spPr>
        <p:txBody>
          <a:bodyPr rtlCol="0" anchor="ctr"/>
          <a:lstStyle/>
          <a:p>
            <a:endParaRPr lang="fr-CH" dirty="0"/>
          </a:p>
        </p:txBody>
      </p:sp>
      <p:sp>
        <p:nvSpPr>
          <p:cNvPr id="2" name="Datumsplatzhalter 1">
            <a:extLst>
              <a:ext uri="{FF2B5EF4-FFF2-40B4-BE49-F238E27FC236}">
                <a16:creationId xmlns:a16="http://schemas.microsoft.com/office/drawing/2014/main" id="{B5D4E1A7-00BB-9D6E-8F8D-C03A5E4337B4}"/>
              </a:ext>
            </a:extLst>
          </p:cNvPr>
          <p:cNvSpPr txBox="1">
            <a:spLocks/>
          </p:cNvSpPr>
          <p:nvPr userDrawn="1"/>
        </p:nvSpPr>
        <p:spPr>
          <a:xfrm>
            <a:off x="-16442" y="6877146"/>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8"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96F686DE-A74D-1A02-BE66-105F18EFA566}"/>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chemeClr val="tx1"/>
                </a:solidFill>
                <a:latin typeface="Aktiv Grotesk Homburger" panose="020B0604020202020204" charset="0"/>
              </a:rPr>
              <a:pPr algn="r"/>
              <a:t>‹N°›</a:t>
            </a:fld>
            <a:endParaRPr lang="fr-CH" sz="800" b="0" i="0" u="none" strike="noStrike" dirty="0" err="1">
              <a:solidFill>
                <a:schemeClr val="tx1"/>
              </a:solidFill>
              <a:latin typeface="Aktiv Grotesk Homburger" panose="020B0604020202020204" charset="0"/>
            </a:endParaRPr>
          </a:p>
        </p:txBody>
      </p:sp>
      <p:sp>
        <p:nvSpPr>
          <p:cNvPr id="9" name="Foliennummernplatzhalter 2">
            <a:extLst>
              <a:ext uri="{FF2B5EF4-FFF2-40B4-BE49-F238E27FC236}">
                <a16:creationId xmlns:a16="http://schemas.microsoft.com/office/drawing/2014/main" id="{A32D6B6F-EE9B-D161-1570-6151BE6EF0FC}"/>
              </a:ext>
            </a:extLst>
          </p:cNvPr>
          <p:cNvSpPr>
            <a:spLocks noGrp="1"/>
          </p:cNvSpPr>
          <p:nvPr>
            <p:ph type="sldNum" sz="quarter" idx="16"/>
          </p:nvPr>
        </p:nvSpPr>
        <p:spPr>
          <a:xfrm>
            <a:off x="0" y="6858000"/>
            <a:ext cx="0" cy="0"/>
          </a:xfrm>
        </p:spPr>
        <p:txBody>
          <a:bodyPr/>
          <a:lstStyle>
            <a:lvl1pPr>
              <a:defRPr>
                <a:noFill/>
              </a:defRPr>
            </a:lvl1pPr>
          </a:lstStyle>
          <a:p>
            <a:endParaRPr lang="fr-CH" dirty="0"/>
          </a:p>
        </p:txBody>
      </p:sp>
      <p:sp>
        <p:nvSpPr>
          <p:cNvPr id="12" name="Date dynamic" descr="{&quot;templafy&quot;:{&quot;id&quot;:&quot;0f04b334-9551-4ea1-9ca8-ec2078d04d9e&quot;}}">
            <a:extLst>
              <a:ext uri="{FF2B5EF4-FFF2-40B4-BE49-F238E27FC236}">
                <a16:creationId xmlns:a16="http://schemas.microsoft.com/office/drawing/2014/main" id="{F08DB13F-A339-5493-0EFD-EA3692F23075}"/>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chemeClr val="tx1"/>
                </a:solidFill>
                <a:latin typeface="+mn-lt"/>
                <a:ea typeface="+mn-ea"/>
                <a:cs typeface="+mn-cs"/>
              </a:rPr>
              <a:t>17 novembre 2023</a:t>
            </a:r>
          </a:p>
        </p:txBody>
      </p:sp>
      <p:sp>
        <p:nvSpPr>
          <p:cNvPr id="3" name="Confidentiality dynamic" descr="{&quot;templafy&quot;:{&quot;id&quot;:&quot;9aba6568-71ec-45cb-85c3-0f5fac29ce24&quot;}}">
            <a:extLst>
              <a:ext uri="{FF2B5EF4-FFF2-40B4-BE49-F238E27FC236}">
                <a16:creationId xmlns:a16="http://schemas.microsoft.com/office/drawing/2014/main" id="{378A9641-0150-4471-7783-EDA26BA583DE}"/>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chemeClr val="tx1"/>
              </a:solidFill>
              <a:latin typeface="+mn-lt"/>
              <a:ea typeface="+mn-ea"/>
              <a:cs typeface="+mn-cs"/>
            </a:endParaRPr>
          </a:p>
        </p:txBody>
      </p:sp>
    </p:spTree>
    <p:extLst>
      <p:ext uri="{BB962C8B-B14F-4D97-AF65-F5344CB8AC3E}">
        <p14:creationId xmlns:p14="http://schemas.microsoft.com/office/powerpoint/2010/main" val="639614215"/>
      </p:ext>
    </p:extLst>
  </p:cSld>
  <p:clrMapOvr>
    <a:masterClrMapping/>
  </p:clrMapOvr>
  <p:hf hdr="0"/>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6" name="Date Placeholder 6" hidden="1">
            <a:extLst>
              <a:ext uri="{FF2B5EF4-FFF2-40B4-BE49-F238E27FC236}">
                <a16:creationId xmlns:a16="http://schemas.microsoft.com/office/drawing/2014/main" id="{FD50C6EB-62B3-41BD-8E49-8DBEB2A613B5}"/>
              </a:ext>
            </a:extLst>
          </p:cNvPr>
          <p:cNvSpPr>
            <a:spLocks noGrp="1"/>
          </p:cNvSpPr>
          <p:nvPr>
            <p:ph type="dt" sz="half" idx="15"/>
          </p:nvPr>
        </p:nvSpPr>
        <p:spPr>
          <a:xfrm>
            <a:off x="0" y="6858000"/>
            <a:ext cx="0" cy="0"/>
          </a:xfrm>
          <a:prstGeom prst="rect">
            <a:avLst/>
          </a:prstGeom>
        </p:spPr>
        <p:txBody>
          <a:bodyPr lIns="0" tIns="0" rIns="0" bIns="0" anchor="ctr" anchorCtr="0"/>
          <a:lstStyle>
            <a:defPPr>
              <a:defRPr lang="en-US"/>
            </a:defPPr>
            <a:lvl1pPr marL="0" algn="l" defTabSz="914400" rtl="0" eaLnBrk="1" latinLnBrk="0" hangingPunct="1">
              <a:defRPr lang="de-CH" sz="1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32" name="Slide Number Placeholder 10" hidden="1">
            <a:extLst>
              <a:ext uri="{FF2B5EF4-FFF2-40B4-BE49-F238E27FC236}">
                <a16:creationId xmlns:a16="http://schemas.microsoft.com/office/drawing/2014/main" id="{B6A8AB71-D38E-4019-9974-63E222A060A8}"/>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r-CH" smtClean="0"/>
              <a:pPr/>
              <a:t>‹N°›</a:t>
            </a:fld>
            <a:endParaRPr lang="fr-CH" dirty="0"/>
          </a:p>
        </p:txBody>
      </p:sp>
      <p:sp>
        <p:nvSpPr>
          <p:cNvPr id="35" name="Footer Placeholder 4" hidden="1">
            <a:extLst>
              <a:ext uri="{FF2B5EF4-FFF2-40B4-BE49-F238E27FC236}">
                <a16:creationId xmlns:a16="http://schemas.microsoft.com/office/drawing/2014/main" id="{FB1F6E52-14F9-4EC5-9942-B578B3A92DAB}"/>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fr-CH" dirty="0"/>
          </a:p>
        </p:txBody>
      </p:sp>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234097" y="1493850"/>
            <a:ext cx="2772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fr-CH" sz="1600" dirty="0">
                <a:latin typeface="+mn-lt"/>
                <a:cs typeface="Arial" panose="020B0604020202020204" pitchFamily="34" charset="0"/>
              </a:rPr>
              <a:t>PICTURES</a:t>
            </a:r>
            <a:br>
              <a:rPr lang="fr-CH" sz="900" dirty="0">
                <a:latin typeface="+mn-lt"/>
                <a:cs typeface="Arial" panose="020B0604020202020204" pitchFamily="34" charset="0"/>
              </a:rPr>
            </a:br>
            <a:r>
              <a:rPr lang="fr-CH" sz="900" b="1" noProof="1">
                <a:solidFill>
                  <a:schemeClr val="tx1"/>
                </a:solidFill>
                <a:latin typeface="+mn-lt"/>
                <a:cs typeface="Arial" panose="020B0604020202020204" pitchFamily="34" charset="0"/>
              </a:rPr>
              <a:t>Insert corporate picture from Templafy</a:t>
            </a:r>
            <a:endParaRPr lang="fr-CH"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r-CH" altLang="da-DK" sz="900" b="1" noProof="1">
                <a:solidFill>
                  <a:schemeClr val="tx1"/>
                </a:solidFill>
                <a:latin typeface="+mn-lt"/>
                <a:cs typeface="Arial" panose="020B0604020202020204" pitchFamily="34" charset="0"/>
              </a:rPr>
              <a:t>1.</a:t>
            </a:r>
            <a:r>
              <a:rPr lang="fr-CH" altLang="da-DK" sz="900" b="0" noProof="1">
                <a:solidFill>
                  <a:schemeClr val="tx1"/>
                </a:solidFill>
                <a:latin typeface="+mn-lt"/>
                <a:cs typeface="Arial" panose="020B0604020202020204" pitchFamily="34" charset="0"/>
              </a:rPr>
              <a:t> Click the blue </a:t>
            </a:r>
            <a:r>
              <a:rPr lang="fr-CH" altLang="da-DK" sz="900" b="1" baseline="0" noProof="1">
                <a:solidFill>
                  <a:schemeClr val="tx1"/>
                </a:solidFill>
                <a:latin typeface="+mn-lt"/>
                <a:cs typeface="Arial" panose="020B0604020202020204" pitchFamily="34" charset="0"/>
              </a:rPr>
              <a:t>Templafy </a:t>
            </a:r>
            <a:r>
              <a:rPr lang="fr-CH" altLang="da-DK" sz="900" b="0" baseline="0" noProof="1">
                <a:solidFill>
                  <a:schemeClr val="tx1"/>
                </a:solidFill>
                <a:latin typeface="+mn-lt"/>
                <a:cs typeface="Arial" panose="020B0604020202020204" pitchFamily="34" charset="0"/>
              </a:rPr>
              <a:t>button to view Templafy pane on right side of the screen, if it is not already there</a:t>
            </a:r>
            <a:endParaRPr lang="fr-CH" dirty="0"/>
          </a:p>
          <a:p>
            <a:pPr marL="0" marR="0" lvl="0" indent="0" algn="l" defTabSz="914400" rtl="0" eaLnBrk="1" fontAlgn="auto" latinLnBrk="0" hangingPunct="1">
              <a:lnSpc>
                <a:spcPct val="100000"/>
              </a:lnSpc>
              <a:spcBef>
                <a:spcPts val="0"/>
              </a:spcBef>
              <a:spcAft>
                <a:spcPts val="600"/>
              </a:spcAft>
              <a:buClrTx/>
              <a:buSzTx/>
              <a:buFontTx/>
              <a:buNone/>
              <a:tabLst/>
              <a:defRPr/>
            </a:pPr>
            <a:r>
              <a:rPr lang="fr-CH" altLang="da-DK" sz="900" b="1" baseline="0" noProof="1">
                <a:solidFill>
                  <a:schemeClr val="tx1"/>
                </a:solidFill>
                <a:latin typeface="+mn-lt"/>
                <a:cs typeface="Arial" panose="020B0604020202020204" pitchFamily="34" charset="0"/>
              </a:rPr>
              <a:t>2. </a:t>
            </a:r>
            <a:r>
              <a:rPr lang="fr-CH" altLang="da-DK" sz="900" b="0" baseline="0" noProof="1">
                <a:solidFill>
                  <a:schemeClr val="tx1"/>
                </a:solidFill>
                <a:latin typeface="+mn-lt"/>
                <a:cs typeface="Arial" panose="020B0604020202020204" pitchFamily="34" charset="0"/>
              </a:rPr>
              <a:t>Select picture placeholder by clicking on the frame (at the edge)</a:t>
            </a:r>
            <a:endParaRPr lang="fr-CH" dirty="0"/>
          </a:p>
          <a:p>
            <a:pPr marL="0" marR="0" lvl="0" indent="0" algn="l" defTabSz="914400" rtl="0" eaLnBrk="1" fontAlgn="auto" latinLnBrk="0" hangingPunct="1">
              <a:lnSpc>
                <a:spcPct val="100000"/>
              </a:lnSpc>
              <a:spcBef>
                <a:spcPts val="0"/>
              </a:spcBef>
              <a:spcAft>
                <a:spcPts val="600"/>
              </a:spcAft>
              <a:buClrTx/>
              <a:buSzTx/>
              <a:buFontTx/>
              <a:buNone/>
              <a:tabLst/>
              <a:defRPr/>
            </a:pPr>
            <a:r>
              <a:rPr lang="fr-CH" altLang="da-DK" sz="900" b="1" baseline="0" noProof="1">
                <a:solidFill>
                  <a:schemeClr val="tx1"/>
                </a:solidFill>
                <a:latin typeface="+mn-lt"/>
                <a:cs typeface="Arial" panose="020B0604020202020204" pitchFamily="34" charset="0"/>
              </a:rPr>
              <a:t>3. </a:t>
            </a:r>
            <a:r>
              <a:rPr lang="fr-CH" altLang="da-DK" sz="900" b="0" baseline="0" noProof="1">
                <a:solidFill>
                  <a:schemeClr val="tx1"/>
                </a:solidFill>
                <a:latin typeface="+mn-lt"/>
                <a:cs typeface="Arial" panose="020B0604020202020204" pitchFamily="34" charset="0"/>
              </a:rPr>
              <a:t>Click the </a:t>
            </a:r>
            <a:r>
              <a:rPr lang="fr-CH" altLang="da-DK" sz="900" b="1" baseline="0" noProof="1">
                <a:solidFill>
                  <a:schemeClr val="tx1"/>
                </a:solidFill>
                <a:latin typeface="+mn-lt"/>
                <a:cs typeface="Arial" panose="020B0604020202020204" pitchFamily="34" charset="0"/>
              </a:rPr>
              <a:t>Images </a:t>
            </a:r>
            <a:r>
              <a:rPr lang="fr-CH" altLang="da-DK" sz="900" b="0" i="0" baseline="0" noProof="1">
                <a:solidFill>
                  <a:schemeClr val="tx1"/>
                </a:solidFill>
                <a:latin typeface="+mn-lt"/>
                <a:cs typeface="Arial" panose="020B0604020202020204" pitchFamily="34" charset="0"/>
              </a:rPr>
              <a:t>button</a:t>
            </a:r>
            <a:r>
              <a:rPr lang="fr-CH" altLang="da-DK" sz="900" b="0" baseline="0" noProof="1">
                <a:solidFill>
                  <a:schemeClr val="tx1"/>
                </a:solidFill>
                <a:latin typeface="+mn-lt"/>
                <a:cs typeface="Arial" panose="020B0604020202020204" pitchFamily="34" charset="0"/>
              </a:rPr>
              <a:t> in the Templafy pane</a:t>
            </a:r>
            <a:br>
              <a:rPr lang="fr-CH" altLang="da-DK" sz="900" b="0" baseline="0" noProof="1">
                <a:solidFill>
                  <a:schemeClr val="tx1"/>
                </a:solidFill>
                <a:latin typeface="+mn-lt"/>
                <a:cs typeface="Arial" panose="020B0604020202020204" pitchFamily="34" charset="0"/>
              </a:rPr>
            </a:br>
            <a:endParaRPr lang="fr-CH"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r-CH" altLang="da-DK" sz="900" b="1" baseline="0" noProof="1">
                <a:solidFill>
                  <a:schemeClr val="tx1"/>
                </a:solidFill>
                <a:latin typeface="+mn-lt"/>
                <a:cs typeface="Arial" panose="020B0604020202020204" pitchFamily="34" charset="0"/>
              </a:rPr>
              <a:t>Insert picture</a:t>
            </a:r>
            <a:endParaRPr lang="fr-CH" dirty="0"/>
          </a:p>
          <a:p>
            <a:pPr eaLnBrk="1" hangingPunct="1">
              <a:spcAft>
                <a:spcPts val="600"/>
              </a:spcAft>
              <a:defRPr/>
            </a:pPr>
            <a:r>
              <a:rPr lang="fr-CH" altLang="da-DK" sz="900" b="0" noProof="1">
                <a:solidFill>
                  <a:schemeClr val="tx1"/>
                </a:solidFill>
                <a:latin typeface="+mn-lt"/>
                <a:cs typeface="Arial" panose="020B0604020202020204" pitchFamily="34" charset="0"/>
              </a:rPr>
              <a:t>On slides with pictureplaceholder, click on the icon and choose </a:t>
            </a:r>
            <a:r>
              <a:rPr lang="fr-CH" altLang="da-DK" sz="900" b="1" noProof="1">
                <a:solidFill>
                  <a:schemeClr val="tx1"/>
                </a:solidFill>
                <a:latin typeface="+mn-lt"/>
                <a:cs typeface="Arial" panose="020B0604020202020204" pitchFamily="34" charset="0"/>
              </a:rPr>
              <a:t>Insert </a:t>
            </a:r>
            <a:r>
              <a:rPr lang="fr-CH" altLang="da-DK" sz="900" b="0" noProof="1">
                <a:solidFill>
                  <a:schemeClr val="tx1"/>
                </a:solidFill>
                <a:latin typeface="+mn-lt"/>
                <a:cs typeface="Arial" panose="020B0604020202020204" pitchFamily="34" charset="0"/>
              </a:rPr>
              <a:t>to browse for picture</a:t>
            </a:r>
            <a:endParaRPr lang="fr-CH" dirty="0"/>
          </a:p>
          <a:p>
            <a:pPr eaLnBrk="1" hangingPunct="1">
              <a:spcBef>
                <a:spcPts val="1200"/>
              </a:spcBef>
              <a:spcAft>
                <a:spcPts val="600"/>
              </a:spcAft>
              <a:defRPr/>
            </a:pPr>
            <a:r>
              <a:rPr lang="fr-CH" sz="900" b="1" noProof="1">
                <a:solidFill>
                  <a:schemeClr val="tx1"/>
                </a:solidFill>
                <a:latin typeface="+mn-lt"/>
                <a:cs typeface="Arial" panose="020B0604020202020204" pitchFamily="34" charset="0"/>
              </a:rPr>
              <a:t>Crop picture</a:t>
            </a:r>
            <a:endParaRPr lang="fr-CH" dirty="0"/>
          </a:p>
          <a:p>
            <a:pPr eaLnBrk="1" hangingPunct="1">
              <a:spcAft>
                <a:spcPts val="600"/>
              </a:spcAft>
              <a:defRPr/>
            </a:pPr>
            <a:r>
              <a:rPr lang="fr-CH" altLang="da-DK" sz="900" b="1" noProof="1">
                <a:solidFill>
                  <a:schemeClr val="tx1"/>
                </a:solidFill>
                <a:latin typeface="+mn-lt"/>
                <a:cs typeface="Arial" panose="020B0604020202020204" pitchFamily="34" charset="0"/>
              </a:rPr>
              <a:t>1. </a:t>
            </a:r>
            <a:r>
              <a:rPr lang="fr-CH" altLang="da-DK" sz="900" b="0" noProof="1">
                <a:solidFill>
                  <a:schemeClr val="tx1"/>
                </a:solidFill>
                <a:latin typeface="+mn-lt"/>
                <a:cs typeface="Arial" panose="020B0604020202020204" pitchFamily="34" charset="0"/>
              </a:rPr>
              <a:t>Click </a:t>
            </a:r>
            <a:r>
              <a:rPr lang="fr-CH" altLang="da-DK" sz="900" b="1" noProof="1">
                <a:solidFill>
                  <a:schemeClr val="tx1"/>
                </a:solidFill>
                <a:latin typeface="+mn-lt"/>
                <a:cs typeface="Arial" panose="020B0604020202020204" pitchFamily="34" charset="0"/>
              </a:rPr>
              <a:t>Crop</a:t>
            </a:r>
            <a:r>
              <a:rPr lang="fr-CH" altLang="da-DK" sz="900" b="0" noProof="1">
                <a:solidFill>
                  <a:schemeClr val="tx1"/>
                </a:solidFill>
                <a:latin typeface="+mn-lt"/>
                <a:cs typeface="Arial" panose="020B0604020202020204" pitchFamily="34" charset="0"/>
              </a:rPr>
              <a:t> to change size or focus of the picture</a:t>
            </a:r>
            <a:endParaRPr lang="fr-CH" dirty="0"/>
          </a:p>
          <a:p>
            <a:pPr eaLnBrk="1" hangingPunct="1">
              <a:spcAft>
                <a:spcPts val="600"/>
              </a:spcAft>
              <a:defRPr/>
            </a:pPr>
            <a:r>
              <a:rPr lang="fr-CH" altLang="da-DK" sz="900" b="1" noProof="1">
                <a:solidFill>
                  <a:schemeClr val="tx1"/>
                </a:solidFill>
                <a:latin typeface="+mn-lt"/>
                <a:cs typeface="Arial" panose="020B0604020202020204" pitchFamily="34" charset="0"/>
              </a:rPr>
              <a:t>2. </a:t>
            </a:r>
            <a:r>
              <a:rPr lang="fr-CH" altLang="da-DK" sz="900" b="0" noProof="1">
                <a:solidFill>
                  <a:schemeClr val="tx1"/>
                </a:solidFill>
                <a:latin typeface="+mn-lt"/>
                <a:cs typeface="Arial" panose="020B0604020202020204" pitchFamily="34" charset="0"/>
              </a:rPr>
              <a:t>If you want to scale the picture, hold </a:t>
            </a:r>
            <a:r>
              <a:rPr lang="fr-CH" altLang="da-DK" sz="900" b="1" noProof="1">
                <a:solidFill>
                  <a:schemeClr val="tx1"/>
                </a:solidFill>
                <a:latin typeface="+mn-lt"/>
                <a:cs typeface="Arial" panose="020B0604020202020204" pitchFamily="34" charset="0"/>
              </a:rPr>
              <a:t>SHIFT</a:t>
            </a:r>
            <a:r>
              <a:rPr lang="fr-CH" altLang="da-DK" sz="900" b="0" noProof="1">
                <a:solidFill>
                  <a:schemeClr val="tx1"/>
                </a:solidFill>
                <a:latin typeface="+mn-lt"/>
                <a:cs typeface="Arial" panose="020B0604020202020204" pitchFamily="34" charset="0"/>
              </a:rPr>
              <a:t>-key down while dragging the corners of the picture</a:t>
            </a:r>
            <a:br>
              <a:rPr lang="fr-CH" altLang="da-DK" sz="900" b="0" noProof="1">
                <a:solidFill>
                  <a:schemeClr val="tx1"/>
                </a:solidFill>
                <a:latin typeface="+mn-lt"/>
                <a:cs typeface="Arial" panose="020B0604020202020204" pitchFamily="34" charset="0"/>
              </a:rPr>
            </a:br>
            <a:endParaRPr lang="fr-CH" altLang="da-DK" sz="900" b="0" noProof="1">
              <a:solidFill>
                <a:schemeClr val="tx1"/>
              </a:solidFill>
              <a:latin typeface="+mn-lt"/>
              <a:cs typeface="Arial" panose="020B0604020202020204" pitchFamily="34" charset="0"/>
            </a:endParaRPr>
          </a:p>
          <a:p>
            <a:pPr eaLnBrk="1" hangingPunct="1">
              <a:spcAft>
                <a:spcPts val="600"/>
              </a:spcAft>
              <a:defRPr/>
            </a:pPr>
            <a:r>
              <a:rPr lang="fr-CH" altLang="da-DK" sz="900" b="1" noProof="1">
                <a:solidFill>
                  <a:schemeClr val="tx1"/>
                </a:solidFill>
                <a:latin typeface="+mn-lt"/>
                <a:cs typeface="Arial" panose="020B0604020202020204" pitchFamily="34" charset="0"/>
              </a:rPr>
              <a:t>HINT: </a:t>
            </a:r>
            <a:r>
              <a:rPr lang="fr-CH"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a:t>
            </a:r>
            <a:br>
              <a:rPr lang="fr-CH" altLang="da-DK" sz="900" b="0" noProof="1">
                <a:solidFill>
                  <a:schemeClr val="tx1"/>
                </a:solidFill>
                <a:latin typeface="+mn-lt"/>
                <a:cs typeface="Arial" panose="020B0604020202020204" pitchFamily="34" charset="0"/>
              </a:rPr>
            </a:br>
            <a:r>
              <a:rPr lang="fr-CH" altLang="da-DK" sz="900" b="0" noProof="1">
                <a:solidFill>
                  <a:schemeClr val="tx1"/>
                </a:solidFill>
                <a:latin typeface="+mn-lt"/>
                <a:cs typeface="Arial" panose="020B0604020202020204" pitchFamily="34" charset="0"/>
              </a:rPr>
              <a:t>right-click and choose </a:t>
            </a:r>
            <a:r>
              <a:rPr lang="fr-CH" altLang="da-DK" sz="900" b="1" noProof="1">
                <a:solidFill>
                  <a:schemeClr val="tx1"/>
                </a:solidFill>
                <a:latin typeface="+mn-lt"/>
                <a:cs typeface="Arial" panose="020B0604020202020204" pitchFamily="34" charset="0"/>
              </a:rPr>
              <a:t>Send to Back</a:t>
            </a:r>
            <a:endParaRPr lang="fr-CH" dirty="0"/>
          </a:p>
          <a:p>
            <a:pPr marL="0" marR="0" lvl="0" indent="0" algn="l" defTabSz="914400" rtl="0" eaLnBrk="1" fontAlgn="auto" latinLnBrk="0" hangingPunct="1">
              <a:lnSpc>
                <a:spcPct val="100000"/>
              </a:lnSpc>
              <a:spcBef>
                <a:spcPts val="1200"/>
              </a:spcBef>
              <a:spcAft>
                <a:spcPts val="600"/>
              </a:spcAft>
              <a:buClrTx/>
              <a:buSzTx/>
              <a:buFontTx/>
              <a:buNone/>
              <a:tabLst/>
              <a:defRPr/>
            </a:pPr>
            <a:r>
              <a:rPr lang="fr-CH" sz="1600" dirty="0">
                <a:latin typeface="+mn-lt"/>
                <a:cs typeface="Arial" panose="020B0604020202020204" pitchFamily="34" charset="0"/>
              </a:rPr>
              <a:t>GUIDES</a:t>
            </a:r>
            <a:endParaRPr lang="fr-CH" sz="1600" b="1" noProof="1">
              <a:solidFill>
                <a:schemeClr val="tx1"/>
              </a:solidFill>
              <a:latin typeface="+mn-lt"/>
              <a:cs typeface="Arial" panose="020B0604020202020204" pitchFamily="34" charset="0"/>
            </a:endParaRPr>
          </a:p>
          <a:p>
            <a:pPr eaLnBrk="1" hangingPunct="1">
              <a:spcAft>
                <a:spcPts val="600"/>
              </a:spcAft>
              <a:defRPr/>
            </a:pPr>
            <a:r>
              <a:rPr lang="fr-CH" altLang="da-DK" sz="900" b="0" noProof="1">
                <a:solidFill>
                  <a:schemeClr val="tx1"/>
                </a:solidFill>
                <a:latin typeface="+mn-lt"/>
                <a:cs typeface="Arial" panose="020B0604020202020204" pitchFamily="34" charset="0"/>
              </a:rPr>
              <a:t>Click the </a:t>
            </a:r>
            <a:r>
              <a:rPr lang="fr-CH" altLang="da-DK" sz="900" b="1" noProof="1">
                <a:solidFill>
                  <a:schemeClr val="tx1"/>
                </a:solidFill>
                <a:latin typeface="+mn-lt"/>
                <a:cs typeface="Arial" panose="020B0604020202020204" pitchFamily="34" charset="0"/>
              </a:rPr>
              <a:t>View</a:t>
            </a:r>
            <a:r>
              <a:rPr lang="fr-CH" altLang="da-DK" sz="900" b="0" noProof="1">
                <a:solidFill>
                  <a:schemeClr val="tx1"/>
                </a:solidFill>
                <a:latin typeface="+mn-lt"/>
                <a:cs typeface="Arial" panose="020B0604020202020204" pitchFamily="34" charset="0"/>
              </a:rPr>
              <a:t> tab and set tick mark next to </a:t>
            </a:r>
            <a:r>
              <a:rPr lang="fr-CH" altLang="da-DK" sz="900" b="1" noProof="1">
                <a:solidFill>
                  <a:schemeClr val="tx1"/>
                </a:solidFill>
                <a:latin typeface="+mn-lt"/>
                <a:cs typeface="Arial" panose="020B0604020202020204" pitchFamily="34" charset="0"/>
              </a:rPr>
              <a:t>Guides</a:t>
            </a:r>
            <a:endParaRPr lang="fr-CH" altLang="da-DK" sz="900" b="0" noProof="1">
              <a:solidFill>
                <a:schemeClr val="tx1"/>
              </a:solidFill>
              <a:latin typeface="+mn-lt"/>
              <a:cs typeface="Arial" panose="020B0604020202020204" pitchFamily="34" charset="0"/>
            </a:endParaRPr>
          </a:p>
          <a:p>
            <a:pPr eaLnBrk="1" hangingPunct="1">
              <a:spcAft>
                <a:spcPts val="600"/>
              </a:spcAft>
              <a:defRPr/>
            </a:pPr>
            <a:r>
              <a:rPr lang="fr-CH" altLang="da-DK" sz="900" b="1" noProof="1">
                <a:solidFill>
                  <a:schemeClr val="tx1"/>
                </a:solidFill>
                <a:latin typeface="+mn-lt"/>
                <a:cs typeface="Arial" panose="020B0604020202020204" pitchFamily="34" charset="0"/>
              </a:rPr>
              <a:t>HINT: Alt + F9 </a:t>
            </a:r>
            <a:r>
              <a:rPr lang="fr-CH" altLang="da-DK" sz="900" b="0" noProof="1">
                <a:solidFill>
                  <a:schemeClr val="tx1"/>
                </a:solidFill>
                <a:latin typeface="+mn-lt"/>
                <a:cs typeface="Arial" panose="020B0604020202020204" pitchFamily="34" charset="0"/>
              </a:rPr>
              <a:t>for quick view of guides</a:t>
            </a:r>
            <a:br>
              <a:rPr lang="fr-CH" altLang="da-DK" sz="900" b="0" noProof="1">
                <a:solidFill>
                  <a:schemeClr val="tx1"/>
                </a:solidFill>
                <a:latin typeface="+mn-lt"/>
                <a:cs typeface="Arial" panose="020B0604020202020204" pitchFamily="34" charset="0"/>
              </a:rPr>
            </a:br>
            <a:r>
              <a:rPr lang="fr-CH" altLang="da-DK" sz="900" b="1" noProof="1">
                <a:solidFill>
                  <a:schemeClr val="tx1"/>
                </a:solidFill>
                <a:latin typeface="+mn-lt"/>
                <a:cs typeface="Arial" panose="020B0604020202020204" pitchFamily="34" charset="0"/>
              </a:rPr>
              <a:t>Mac: </a:t>
            </a:r>
            <a:r>
              <a:rPr lang="fr-CH" sz="900" b="0" i="0" dirty="0">
                <a:solidFill>
                  <a:srgbClr val="333333"/>
                </a:solidFill>
                <a:effectLst/>
                <a:latin typeface="Arial"/>
              </a:rPr>
              <a:t>⌘ </a:t>
            </a:r>
            <a:r>
              <a:rPr lang="fr-CH" altLang="da-DK" sz="900" b="0" noProof="1">
                <a:solidFill>
                  <a:schemeClr val="tx1"/>
                </a:solidFill>
                <a:latin typeface="+mn-lt"/>
                <a:cs typeface="Arial" panose="020B0604020202020204" pitchFamily="34" charset="0"/>
              </a:rPr>
              <a:t>+ option + ctrl + G</a:t>
            </a:r>
            <a:endParaRPr lang="fr-CH" dirty="0"/>
          </a:p>
        </p:txBody>
      </p:sp>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7020497" y="1942016"/>
            <a:ext cx="305786" cy="36585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3"/>
          <a:stretch>
            <a:fillRect/>
          </a:stretch>
        </p:blipFill>
        <p:spPr>
          <a:xfrm>
            <a:off x="7062259" y="4026953"/>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493850"/>
            <a:ext cx="2772000" cy="51920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r-CH" sz="1600" dirty="0">
                <a:latin typeface="+mn-lt"/>
                <a:cs typeface="Arial" panose="020B0604020202020204" pitchFamily="34" charset="0"/>
              </a:rPr>
              <a:t>HEADER &amp; </a:t>
            </a:r>
            <a:r>
              <a:rPr lang="fr-CH" sz="1600" dirty="0" err="1">
                <a:latin typeface="+mn-lt"/>
                <a:cs typeface="Arial" panose="020B0604020202020204" pitchFamily="34" charset="0"/>
              </a:rPr>
              <a:t>FOOTER</a:t>
            </a:r>
            <a:endParaRPr lang="fr-CH" sz="1600" dirty="0">
              <a:latin typeface="+mn-lt"/>
              <a:cs typeface="Arial" panose="020B0604020202020204" pitchFamily="34" charset="0"/>
            </a:endParaRPr>
          </a:p>
          <a:p>
            <a:pPr eaLnBrk="1" hangingPunct="1">
              <a:spcAft>
                <a:spcPts val="600"/>
              </a:spcAft>
              <a:defRPr/>
            </a:pPr>
            <a:r>
              <a:rPr lang="fr-CH" altLang="da-DK" sz="900" b="0" noProof="1">
                <a:solidFill>
                  <a:schemeClr val="tx1"/>
                </a:solidFill>
                <a:latin typeface="+mn-lt"/>
                <a:cs typeface="Arial" panose="020B0604020202020204" pitchFamily="34" charset="0"/>
              </a:rPr>
              <a:t>Do this at the very end to apply the changes </a:t>
            </a:r>
            <a:br>
              <a:rPr lang="fr-CH" altLang="da-DK" sz="900" b="0" noProof="1">
                <a:solidFill>
                  <a:schemeClr val="tx1"/>
                </a:solidFill>
                <a:latin typeface="+mn-lt"/>
                <a:cs typeface="Arial" panose="020B0604020202020204" pitchFamily="34" charset="0"/>
              </a:rPr>
            </a:br>
            <a:r>
              <a:rPr lang="fr-CH" altLang="da-DK" sz="900" b="0" noProof="1">
                <a:solidFill>
                  <a:schemeClr val="tx1"/>
                </a:solidFill>
                <a:latin typeface="+mn-lt"/>
                <a:cs typeface="Arial" panose="020B0604020202020204" pitchFamily="34" charset="0"/>
              </a:rPr>
              <a:t>on all slides</a:t>
            </a:r>
            <a:endParaRPr lang="fr-CH" dirty="0"/>
          </a:p>
          <a:p>
            <a:pPr eaLnBrk="1" hangingPunct="1">
              <a:spcAft>
                <a:spcPts val="600"/>
              </a:spcAft>
              <a:defRPr/>
            </a:pPr>
            <a:r>
              <a:rPr lang="fr-CH" altLang="da-DK" sz="900" b="0" noProof="1">
                <a:solidFill>
                  <a:schemeClr val="tx1"/>
                </a:solidFill>
                <a:latin typeface="+mn-lt"/>
                <a:cs typeface="Arial" panose="020B0604020202020204" pitchFamily="34" charset="0"/>
              </a:rPr>
              <a:t>Click on </a:t>
            </a:r>
            <a:r>
              <a:rPr lang="fr-CH" altLang="da-DK" sz="900" b="1" noProof="1">
                <a:solidFill>
                  <a:schemeClr val="tx1"/>
                </a:solidFill>
                <a:latin typeface="+mn-lt"/>
                <a:cs typeface="Arial" panose="020B0604020202020204" pitchFamily="34" charset="0"/>
              </a:rPr>
              <a:t>Header &amp; Footer </a:t>
            </a:r>
            <a:r>
              <a:rPr lang="fr-CH" altLang="da-DK" sz="900" b="0" noProof="1">
                <a:solidFill>
                  <a:schemeClr val="tx1"/>
                </a:solidFill>
                <a:latin typeface="+mn-lt"/>
                <a:cs typeface="Arial" panose="020B0604020202020204" pitchFamily="34" charset="0"/>
              </a:rPr>
              <a:t>in the </a:t>
            </a:r>
            <a:r>
              <a:rPr lang="fr-CH" altLang="da-DK" sz="900" b="1" noProof="1">
                <a:solidFill>
                  <a:schemeClr val="tx1"/>
                </a:solidFill>
                <a:latin typeface="+mn-lt"/>
                <a:cs typeface="Arial" panose="020B0604020202020204" pitchFamily="34" charset="0"/>
              </a:rPr>
              <a:t>Insert</a:t>
            </a:r>
            <a:r>
              <a:rPr lang="fr-CH" altLang="da-DK" sz="900" b="0" noProof="1">
                <a:solidFill>
                  <a:schemeClr val="tx1"/>
                </a:solidFill>
                <a:latin typeface="+mn-lt"/>
                <a:cs typeface="Arial" panose="020B0604020202020204" pitchFamily="34" charset="0"/>
              </a:rPr>
              <a:t> tab </a:t>
            </a:r>
            <a:br>
              <a:rPr lang="fr-CH" altLang="da-DK" sz="900" b="0" noProof="1">
                <a:solidFill>
                  <a:schemeClr val="tx1"/>
                </a:solidFill>
                <a:latin typeface="+mn-lt"/>
                <a:cs typeface="Arial" panose="020B0604020202020204" pitchFamily="34" charset="0"/>
              </a:rPr>
            </a:br>
            <a:r>
              <a:rPr lang="fr-CH" altLang="da-DK" sz="900" b="0" noProof="1">
                <a:solidFill>
                  <a:schemeClr val="tx1"/>
                </a:solidFill>
                <a:latin typeface="+mn-lt"/>
                <a:cs typeface="Arial" panose="020B0604020202020204" pitchFamily="34" charset="0"/>
              </a:rPr>
              <a:t>(write the desired text, click date or Slide </a:t>
            </a:r>
            <a:br>
              <a:rPr lang="fr-CH" altLang="da-DK" sz="900" b="0" noProof="1">
                <a:solidFill>
                  <a:schemeClr val="tx1"/>
                </a:solidFill>
                <a:latin typeface="+mn-lt"/>
                <a:cs typeface="Arial" panose="020B0604020202020204" pitchFamily="34" charset="0"/>
              </a:rPr>
            </a:br>
            <a:r>
              <a:rPr lang="fr-CH" altLang="da-DK" sz="900" b="0" noProof="1">
                <a:solidFill>
                  <a:schemeClr val="tx1"/>
                </a:solidFill>
                <a:latin typeface="+mn-lt"/>
                <a:cs typeface="Arial" panose="020B0604020202020204" pitchFamily="34" charset="0"/>
              </a:rPr>
              <a:t>number from or to)</a:t>
            </a:r>
            <a:endParaRPr lang="fr-CH" dirty="0"/>
          </a:p>
          <a:p>
            <a:pPr eaLnBrk="1" hangingPunct="1">
              <a:spcAft>
                <a:spcPts val="600"/>
              </a:spcAft>
              <a:defRPr/>
            </a:pPr>
            <a:r>
              <a:rPr lang="fr-CH" altLang="da-DK" sz="900" b="0" noProof="1">
                <a:solidFill>
                  <a:schemeClr val="tx1"/>
                </a:solidFill>
                <a:latin typeface="+mn-lt"/>
                <a:cs typeface="Arial" panose="020B0604020202020204" pitchFamily="34" charset="0"/>
              </a:rPr>
              <a:t>Click </a:t>
            </a:r>
            <a:r>
              <a:rPr lang="fr-CH" altLang="da-DK" sz="900" b="1" noProof="1">
                <a:solidFill>
                  <a:schemeClr val="tx1"/>
                </a:solidFill>
                <a:latin typeface="+mn-lt"/>
                <a:cs typeface="Arial" panose="020B0604020202020204" pitchFamily="34" charset="0"/>
              </a:rPr>
              <a:t>Apply to All </a:t>
            </a:r>
            <a:r>
              <a:rPr lang="fr-CH" altLang="da-DK" sz="900" b="0" noProof="1">
                <a:solidFill>
                  <a:schemeClr val="tx1"/>
                </a:solidFill>
                <a:latin typeface="+mn-lt"/>
                <a:cs typeface="Arial" panose="020B0604020202020204" pitchFamily="34" charset="0"/>
              </a:rPr>
              <a:t>or </a:t>
            </a:r>
            <a:r>
              <a:rPr lang="fr-CH" altLang="da-DK" sz="900" b="1" noProof="1">
                <a:solidFill>
                  <a:schemeClr val="tx1"/>
                </a:solidFill>
                <a:latin typeface="+mn-lt"/>
                <a:cs typeface="Arial" panose="020B0604020202020204" pitchFamily="34" charset="0"/>
              </a:rPr>
              <a:t>Apply</a:t>
            </a:r>
            <a:r>
              <a:rPr lang="fr-CH" altLang="da-DK" sz="900" b="0" noProof="1">
                <a:solidFill>
                  <a:schemeClr val="tx1"/>
                </a:solidFill>
                <a:latin typeface="+mn-lt"/>
                <a:cs typeface="Arial" panose="020B0604020202020204" pitchFamily="34" charset="0"/>
              </a:rPr>
              <a:t> if only used on one slide</a:t>
            </a:r>
            <a:endParaRPr lang="fr-CH" dirty="0"/>
          </a:p>
          <a:p>
            <a:pPr eaLnBrk="1" hangingPunct="1">
              <a:spcAft>
                <a:spcPts val="600"/>
              </a:spcAft>
              <a:defRPr/>
            </a:pPr>
            <a:endParaRPr lang="fr-CH" altLang="da-DK" sz="900" b="0" noProof="1">
              <a:solidFill>
                <a:schemeClr val="tx1"/>
              </a:solidFill>
              <a:latin typeface="+mn-lt"/>
              <a:cs typeface="Arial" panose="020B0604020202020204" pitchFamily="34" charset="0"/>
            </a:endParaRPr>
          </a:p>
          <a:p>
            <a:pPr eaLnBrk="1" hangingPunct="1">
              <a:spcAft>
                <a:spcPts val="600"/>
              </a:spcAft>
              <a:defRPr/>
            </a:pPr>
            <a:r>
              <a:rPr lang="fr-CH" altLang="da-DK" sz="1600" b="0" noProof="1">
                <a:solidFill>
                  <a:schemeClr val="tx1"/>
                </a:solidFill>
                <a:latin typeface="+mn-lt"/>
                <a:cs typeface="Arial" panose="020B0604020202020204" pitchFamily="34" charset="0"/>
              </a:rPr>
              <a:t>COPY/PASTE CONTENT</a:t>
            </a:r>
            <a:endParaRPr lang="fr-CH" dirty="0"/>
          </a:p>
          <a:p>
            <a:pPr eaLnBrk="1" hangingPunct="1">
              <a:spcAft>
                <a:spcPts val="600"/>
              </a:spcAft>
              <a:defRPr/>
            </a:pPr>
            <a:r>
              <a:rPr lang="fr-CH" altLang="da-DK" sz="900" b="0" noProof="1">
                <a:solidFill>
                  <a:schemeClr val="tx1"/>
                </a:solidFill>
                <a:latin typeface="+mn-lt"/>
                <a:cs typeface="Arial" panose="020B0604020202020204" pitchFamily="34" charset="0"/>
              </a:rPr>
              <a:t>When copying old content to your new presentation, </a:t>
            </a:r>
            <a:br>
              <a:rPr lang="fr-CH" altLang="da-DK" sz="900" b="0" noProof="1">
                <a:solidFill>
                  <a:schemeClr val="tx1"/>
                </a:solidFill>
                <a:latin typeface="+mn-lt"/>
                <a:cs typeface="Arial" panose="020B0604020202020204" pitchFamily="34" charset="0"/>
              </a:rPr>
            </a:br>
            <a:r>
              <a:rPr lang="fr-CH" altLang="da-DK" sz="900" b="0" noProof="1">
                <a:solidFill>
                  <a:schemeClr val="tx1"/>
                </a:solidFill>
                <a:latin typeface="+mn-lt"/>
                <a:cs typeface="Arial" panose="020B0604020202020204" pitchFamily="34" charset="0"/>
              </a:rPr>
              <a:t>2 options are available:</a:t>
            </a:r>
            <a:endParaRPr lang="fr-CH" dirty="0"/>
          </a:p>
          <a:p>
            <a:pPr eaLnBrk="1" hangingPunct="1">
              <a:spcAft>
                <a:spcPts val="600"/>
              </a:spcAft>
              <a:defRPr/>
            </a:pPr>
            <a:r>
              <a:rPr lang="fr-CH" altLang="da-DK" sz="900" b="1" noProof="1">
                <a:solidFill>
                  <a:schemeClr val="tx1"/>
                </a:solidFill>
                <a:latin typeface="+mn-lt"/>
                <a:cs typeface="Arial" panose="020B0604020202020204" pitchFamily="34" charset="0"/>
              </a:rPr>
              <a:t>1. Best practice: </a:t>
            </a:r>
            <a:r>
              <a:rPr lang="fr-CH" altLang="da-DK" sz="900" b="0" noProof="1">
                <a:solidFill>
                  <a:schemeClr val="tx1"/>
                </a:solidFill>
                <a:latin typeface="+mn-lt"/>
                <a:cs typeface="Arial" panose="020B0604020202020204" pitchFamily="34" charset="0"/>
              </a:rPr>
              <a:t>Create a slide in your new presentation and copy </a:t>
            </a:r>
            <a:r>
              <a:rPr lang="fr-CH" altLang="da-DK" sz="900" b="0" i="0" u="sng" noProof="1">
                <a:solidFill>
                  <a:schemeClr val="tx1"/>
                </a:solidFill>
                <a:latin typeface="+mn-lt"/>
                <a:cs typeface="Arial" panose="020B0604020202020204" pitchFamily="34" charset="0"/>
              </a:rPr>
              <a:t>one</a:t>
            </a:r>
            <a:r>
              <a:rPr lang="fr-CH" altLang="da-DK" sz="900" b="0" i="0" u="none" noProof="1">
                <a:solidFill>
                  <a:schemeClr val="tx1"/>
                </a:solidFill>
                <a:latin typeface="+mn-lt"/>
                <a:cs typeface="Arial" panose="020B0604020202020204" pitchFamily="34" charset="0"/>
              </a:rPr>
              <a:t> piece of content at a time (e.g. copy all text from </a:t>
            </a:r>
            <a:r>
              <a:rPr lang="fr-CH" altLang="da-DK" sz="900" b="0" i="0" u="sng" noProof="1">
                <a:solidFill>
                  <a:schemeClr val="tx1"/>
                </a:solidFill>
                <a:latin typeface="+mn-lt"/>
                <a:cs typeface="Arial" panose="020B0604020202020204" pitchFamily="34" charset="0"/>
              </a:rPr>
              <a:t>one</a:t>
            </a:r>
            <a:r>
              <a:rPr lang="fr-CH" altLang="da-DK" sz="900" b="0" i="0" u="none" noProof="1">
                <a:solidFill>
                  <a:schemeClr val="tx1"/>
                </a:solidFill>
                <a:latin typeface="+mn-lt"/>
                <a:cs typeface="Arial" panose="020B0604020202020204" pitchFamily="34" charset="0"/>
              </a:rPr>
              <a:t> textbox)</a:t>
            </a:r>
            <a:endParaRPr lang="fr-CH" altLang="da-DK" sz="900" b="1" i="0" u="sng" noProof="1">
              <a:solidFill>
                <a:schemeClr val="tx1"/>
              </a:solidFill>
              <a:latin typeface="+mn-lt"/>
              <a:cs typeface="Arial" panose="020B0604020202020204" pitchFamily="34" charset="0"/>
            </a:endParaRPr>
          </a:p>
          <a:p>
            <a:pPr eaLnBrk="1" hangingPunct="1">
              <a:spcAft>
                <a:spcPts val="600"/>
              </a:spcAft>
              <a:defRPr/>
            </a:pPr>
            <a:r>
              <a:rPr lang="fr-CH" altLang="da-DK" sz="900" b="1" noProof="1">
                <a:solidFill>
                  <a:schemeClr val="tx1"/>
                </a:solidFill>
                <a:latin typeface="+mn-lt"/>
                <a:cs typeface="Arial" panose="020B0604020202020204" pitchFamily="34" charset="0"/>
              </a:rPr>
              <a:t>2. </a:t>
            </a:r>
            <a:r>
              <a:rPr lang="fr-CH"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fr-CH" altLang="da-DK" sz="900" b="1" noProof="1">
              <a:solidFill>
                <a:schemeClr val="tx1"/>
              </a:solidFill>
              <a:latin typeface="+mn-lt"/>
              <a:cs typeface="Arial" panose="020B0604020202020204" pitchFamily="34" charset="0"/>
            </a:endParaRPr>
          </a:p>
          <a:p>
            <a:pPr eaLnBrk="1" hangingPunct="1">
              <a:spcAft>
                <a:spcPts val="600"/>
              </a:spcAft>
              <a:defRPr/>
            </a:pPr>
            <a:endParaRPr lang="fr-CH"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r-CH" sz="1600" dirty="0">
                <a:latin typeface="+mn-lt"/>
                <a:cs typeface="Arial" panose="020B0604020202020204" pitchFamily="34" charset="0"/>
              </a:rPr>
              <a:t>SLIDES &amp; SLIDE </a:t>
            </a:r>
            <a:r>
              <a:rPr lang="fr-CH" sz="1600" dirty="0" err="1">
                <a:latin typeface="+mn-lt"/>
                <a:cs typeface="Arial" panose="020B0604020202020204" pitchFamily="34" charset="0"/>
              </a:rPr>
              <a:t>ELEMENTS</a:t>
            </a:r>
            <a:endParaRPr lang="fr-CH" sz="1600" dirty="0">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r-CH" altLang="da-DK" sz="900" b="0" noProof="1">
                <a:solidFill>
                  <a:schemeClr val="tx1"/>
                </a:solidFill>
                <a:latin typeface="+mn-lt"/>
                <a:cs typeface="Arial" panose="020B0604020202020204" pitchFamily="34" charset="0"/>
              </a:rPr>
              <a:t>Insert predefined slides and elements </a:t>
            </a:r>
            <a:br>
              <a:rPr lang="fr-CH" altLang="da-DK" sz="900" b="0" noProof="1">
                <a:solidFill>
                  <a:schemeClr val="tx1"/>
                </a:solidFill>
                <a:latin typeface="+mn-lt"/>
                <a:cs typeface="Arial" panose="020B0604020202020204" pitchFamily="34" charset="0"/>
              </a:rPr>
            </a:br>
            <a:r>
              <a:rPr lang="fr-CH" altLang="da-DK" sz="900" b="0" noProof="1">
                <a:solidFill>
                  <a:schemeClr val="tx1"/>
                </a:solidFill>
                <a:latin typeface="+mn-lt"/>
                <a:cs typeface="Arial" panose="020B0604020202020204" pitchFamily="34" charset="0"/>
              </a:rPr>
              <a:t>using the Templafy pane. Choose </a:t>
            </a:r>
            <a:br>
              <a:rPr lang="fr-CH" altLang="da-DK" sz="900" b="0" noProof="1">
                <a:solidFill>
                  <a:schemeClr val="tx1"/>
                </a:solidFill>
                <a:latin typeface="+mn-lt"/>
                <a:cs typeface="Arial" panose="020B0604020202020204" pitchFamily="34" charset="0"/>
              </a:rPr>
            </a:br>
            <a:r>
              <a:rPr lang="fr-CH" altLang="da-DK" sz="900" b="1" noProof="1">
                <a:solidFill>
                  <a:schemeClr val="tx1"/>
                </a:solidFill>
                <a:latin typeface="+mn-lt"/>
                <a:cs typeface="Arial" panose="020B0604020202020204" pitchFamily="34" charset="0"/>
              </a:rPr>
              <a:t>Slides</a:t>
            </a:r>
            <a:r>
              <a:rPr lang="fr-CH" altLang="da-DK" sz="900" b="0" noProof="1">
                <a:solidFill>
                  <a:schemeClr val="tx1"/>
                </a:solidFill>
                <a:latin typeface="+mn-lt"/>
                <a:cs typeface="Arial" panose="020B0604020202020204" pitchFamily="34" charset="0"/>
              </a:rPr>
              <a:t> and </a:t>
            </a:r>
            <a:r>
              <a:rPr lang="fr-CH" altLang="da-DK" sz="900" b="1" noProof="1">
                <a:solidFill>
                  <a:schemeClr val="tx1"/>
                </a:solidFill>
                <a:latin typeface="+mn-lt"/>
                <a:cs typeface="Arial" panose="020B0604020202020204" pitchFamily="34" charset="0"/>
              </a:rPr>
              <a:t>Slide elements </a:t>
            </a:r>
            <a:r>
              <a:rPr lang="fr-CH" altLang="da-DK" sz="900" b="0" noProof="1">
                <a:solidFill>
                  <a:schemeClr val="tx1"/>
                </a:solidFill>
                <a:latin typeface="+mn-lt"/>
                <a:cs typeface="Arial" panose="020B0604020202020204" pitchFamily="34" charset="0"/>
              </a:rPr>
              <a:t>from the </a:t>
            </a:r>
            <a:br>
              <a:rPr lang="fr-CH" altLang="da-DK" sz="900" b="0" noProof="1">
                <a:solidFill>
                  <a:schemeClr val="tx1"/>
                </a:solidFill>
                <a:latin typeface="+mn-lt"/>
                <a:cs typeface="Arial" panose="020B0604020202020204" pitchFamily="34" charset="0"/>
              </a:rPr>
            </a:br>
            <a:r>
              <a:rPr lang="fr-CH" altLang="da-DK" sz="900" b="0" noProof="1">
                <a:solidFill>
                  <a:schemeClr val="tx1"/>
                </a:solidFill>
                <a:latin typeface="+mn-lt"/>
                <a:cs typeface="Arial" panose="020B0604020202020204" pitchFamily="34" charset="0"/>
              </a:rPr>
              <a:t>buttons in the Templafy pane on the </a:t>
            </a:r>
            <a:br>
              <a:rPr lang="fr-CH" altLang="da-DK" sz="900" b="0" noProof="1">
                <a:solidFill>
                  <a:schemeClr val="tx1"/>
                </a:solidFill>
                <a:latin typeface="+mn-lt"/>
                <a:cs typeface="Arial" panose="020B0604020202020204" pitchFamily="34" charset="0"/>
              </a:rPr>
            </a:br>
            <a:r>
              <a:rPr lang="fr-CH" altLang="da-DK" sz="900" b="0" noProof="1">
                <a:solidFill>
                  <a:schemeClr val="tx1"/>
                </a:solidFill>
                <a:latin typeface="+mn-lt"/>
                <a:cs typeface="Arial" panose="020B0604020202020204" pitchFamily="34" charset="0"/>
              </a:rPr>
              <a:t>right side of the screen</a:t>
            </a:r>
            <a:endParaRPr lang="fr-CH"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34964" y="448713"/>
            <a:ext cx="11314110" cy="650171"/>
          </a:xfrm>
          <a:prstGeom prst="rect">
            <a:avLst/>
          </a:prstGeom>
          <a:noFill/>
        </p:spPr>
        <p:txBody>
          <a:bodyPr wrap="square" lIns="0" tIns="0" rIns="0" bIns="0" rtlCol="0" anchor="t" anchorCtr="0">
            <a:noAutofit/>
          </a:bodyPr>
          <a:lstStyle/>
          <a:p>
            <a:r>
              <a:rPr lang="fr-CH" sz="3200" b="0" noProof="1">
                <a:solidFill>
                  <a:schemeClr val="tx1"/>
                </a:solidFill>
                <a:latin typeface="+mj-lt"/>
                <a:cs typeface="Arial" panose="020B0604020202020204" pitchFamily="34" charset="0"/>
              </a:rPr>
              <a:t>TIPS &amp; TRICKS - YOUR USER GUIDE</a:t>
            </a:r>
            <a:endParaRPr lang="fr-CH" dirty="0"/>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4"/>
          <a:stretch>
            <a:fillRect/>
          </a:stretch>
        </p:blipFill>
        <p:spPr>
          <a:xfrm>
            <a:off x="11224800" y="2116483"/>
            <a:ext cx="378293" cy="543366"/>
          </a:xfrm>
          <a:prstGeom prst="rect">
            <a:avLst/>
          </a:prstGeom>
        </p:spPr>
      </p:pic>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5"/>
          <a:srcRect l="3901" t="45142" r="62601" b="9046"/>
          <a:stretch/>
        </p:blipFill>
        <p:spPr>
          <a:xfrm>
            <a:off x="7002788" y="3309842"/>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45870" y="1493850"/>
            <a:ext cx="2772000"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r-CH" sz="1600" dirty="0" err="1">
                <a:latin typeface="+mn-lt"/>
                <a:cs typeface="Arial" panose="020B0604020202020204" pitchFamily="34" charset="0"/>
              </a:rPr>
              <a:t>TEXT</a:t>
            </a:r>
            <a:r>
              <a:rPr lang="fr-CH" sz="1600" dirty="0">
                <a:latin typeface="+mn-lt"/>
                <a:cs typeface="Arial" panose="020B0604020202020204" pitchFamily="34" charset="0"/>
              </a:rPr>
              <a:t> STYLES</a:t>
            </a:r>
            <a:endParaRPr lang="fr-CH" altLang="da-DK" sz="1600" b="0" noProof="1">
              <a:solidFill>
                <a:schemeClr val="tx1"/>
              </a:solidFill>
              <a:latin typeface="+mn-lt"/>
              <a:cs typeface="Arial" panose="020B0604020202020204" pitchFamily="34" charset="0"/>
            </a:endParaRPr>
          </a:p>
          <a:p>
            <a:pPr eaLnBrk="1" hangingPunct="1">
              <a:spcAft>
                <a:spcPts val="600"/>
              </a:spcAft>
              <a:defRPr/>
            </a:pPr>
            <a:r>
              <a:rPr lang="fr-CH" altLang="da-DK" sz="900" b="0" noProof="1">
                <a:solidFill>
                  <a:schemeClr val="tx1"/>
                </a:solidFill>
                <a:latin typeface="+mn-lt"/>
                <a:cs typeface="Arial" panose="020B0604020202020204" pitchFamily="34" charset="0"/>
              </a:rPr>
              <a:t>Use the </a:t>
            </a:r>
            <a:r>
              <a:rPr lang="fr-CH" altLang="da-DK" sz="900" b="1" noProof="1">
                <a:solidFill>
                  <a:schemeClr val="tx1"/>
                </a:solidFill>
                <a:latin typeface="+mn-lt"/>
                <a:cs typeface="Arial" panose="020B0604020202020204" pitchFamily="34" charset="0"/>
              </a:rPr>
              <a:t>TAB</a:t>
            </a:r>
            <a:r>
              <a:rPr lang="fr-CH" altLang="da-DK" sz="900" b="0" noProof="1">
                <a:solidFill>
                  <a:schemeClr val="tx1"/>
                </a:solidFill>
                <a:latin typeface="+mn-lt"/>
                <a:cs typeface="Arial" panose="020B0604020202020204" pitchFamily="34" charset="0"/>
              </a:rPr>
              <a:t>-key</a:t>
            </a:r>
            <a:r>
              <a:rPr lang="fr-CH" altLang="da-DK" sz="900" b="0" baseline="0" noProof="1">
                <a:solidFill>
                  <a:schemeClr val="tx1"/>
                </a:solidFill>
                <a:latin typeface="+mn-lt"/>
                <a:cs typeface="Arial" panose="020B0604020202020204" pitchFamily="34" charset="0"/>
              </a:rPr>
              <a:t> to jump through levels. Click </a:t>
            </a:r>
            <a:r>
              <a:rPr lang="fr-CH" altLang="da-DK" sz="900" b="1" baseline="0" noProof="1">
                <a:solidFill>
                  <a:schemeClr val="tx1"/>
                </a:solidFill>
                <a:latin typeface="+mn-lt"/>
                <a:cs typeface="Arial" panose="020B0604020202020204" pitchFamily="34" charset="0"/>
              </a:rPr>
              <a:t>ENTER </a:t>
            </a:r>
            <a:r>
              <a:rPr lang="fr-CH" altLang="da-DK" sz="900" b="0" baseline="0" noProof="1">
                <a:solidFill>
                  <a:schemeClr val="tx1"/>
                </a:solidFill>
                <a:latin typeface="+mn-lt"/>
                <a:cs typeface="Arial" panose="020B0604020202020204" pitchFamily="34" charset="0"/>
              </a:rPr>
              <a:t>and</a:t>
            </a:r>
            <a:r>
              <a:rPr lang="fr-CH" altLang="da-DK" sz="900" b="1" baseline="0" noProof="1">
                <a:solidFill>
                  <a:schemeClr val="tx1"/>
                </a:solidFill>
                <a:latin typeface="+mn-lt"/>
                <a:cs typeface="Arial" panose="020B0604020202020204" pitchFamily="34" charset="0"/>
              </a:rPr>
              <a:t> TAB</a:t>
            </a:r>
            <a:r>
              <a:rPr lang="fr-CH" altLang="da-DK" sz="900" b="0" baseline="0" noProof="1">
                <a:solidFill>
                  <a:schemeClr val="tx1"/>
                </a:solidFill>
                <a:latin typeface="+mn-lt"/>
                <a:cs typeface="Arial" panose="020B0604020202020204" pitchFamily="34" charset="0"/>
              </a:rPr>
              <a:t> to switch from one level to the next level</a:t>
            </a:r>
            <a:endParaRPr lang="fr-CH" dirty="0"/>
          </a:p>
          <a:p>
            <a:pPr eaLnBrk="1" hangingPunct="1">
              <a:spcAft>
                <a:spcPts val="600"/>
              </a:spcAft>
              <a:defRPr/>
            </a:pPr>
            <a:r>
              <a:rPr lang="fr-CH" altLang="da-DK" sz="900" b="0" baseline="0" noProof="1">
                <a:solidFill>
                  <a:schemeClr val="tx1"/>
                </a:solidFill>
                <a:latin typeface="+mn-lt"/>
                <a:cs typeface="Arial" panose="020B0604020202020204" pitchFamily="34" charset="0"/>
              </a:rPr>
              <a:t>To go back in levels use </a:t>
            </a:r>
            <a:r>
              <a:rPr lang="fr-CH" altLang="da-DK" sz="900" b="1" baseline="0" noProof="1">
                <a:solidFill>
                  <a:schemeClr val="tx1"/>
                </a:solidFill>
                <a:latin typeface="+mn-lt"/>
                <a:cs typeface="Arial" panose="020B0604020202020204" pitchFamily="34" charset="0"/>
              </a:rPr>
              <a:t>SHIFT-TAB</a:t>
            </a:r>
            <a:endParaRPr lang="fr-CH" sz="900" b="1" noProof="1">
              <a:solidFill>
                <a:schemeClr val="tx1"/>
              </a:solidFill>
              <a:latin typeface="+mn-lt"/>
              <a:cs typeface="Arial" panose="020B0604020202020204" pitchFamily="34" charset="0"/>
            </a:endParaRPr>
          </a:p>
          <a:p>
            <a:pPr eaLnBrk="1" hangingPunct="1">
              <a:spcAft>
                <a:spcPts val="600"/>
              </a:spcAft>
              <a:defRPr/>
            </a:pPr>
            <a:r>
              <a:rPr lang="fr-CH" sz="900" noProof="1">
                <a:solidFill>
                  <a:schemeClr val="tx1"/>
                </a:solidFill>
                <a:latin typeface="+mn-lt"/>
                <a:cs typeface="Arial" panose="020B0604020202020204" pitchFamily="34" charset="0"/>
              </a:rPr>
              <a:t>Alternatively, </a:t>
            </a:r>
            <a:r>
              <a:rPr lang="fr-CH" sz="900" b="1" noProof="1">
                <a:solidFill>
                  <a:schemeClr val="tx1"/>
                </a:solidFill>
                <a:latin typeface="+mn-lt"/>
                <a:cs typeface="Arial" panose="020B0604020202020204" pitchFamily="34" charset="0"/>
              </a:rPr>
              <a:t>Increase</a:t>
            </a:r>
            <a:r>
              <a:rPr lang="fr-CH" sz="900" baseline="0" noProof="1">
                <a:solidFill>
                  <a:schemeClr val="tx1"/>
                </a:solidFill>
                <a:latin typeface="+mn-lt"/>
                <a:cs typeface="Arial" panose="020B0604020202020204" pitchFamily="34" charset="0"/>
              </a:rPr>
              <a:t> and </a:t>
            </a:r>
            <a:r>
              <a:rPr lang="fr-CH" sz="900" b="1" baseline="0" noProof="1">
                <a:solidFill>
                  <a:schemeClr val="tx1"/>
                </a:solidFill>
                <a:latin typeface="+mn-lt"/>
                <a:cs typeface="Arial" panose="020B0604020202020204" pitchFamily="34" charset="0"/>
              </a:rPr>
              <a:t>Decrease </a:t>
            </a:r>
            <a:r>
              <a:rPr lang="fr-CH" sz="900" baseline="0" noProof="1">
                <a:solidFill>
                  <a:schemeClr val="tx1"/>
                </a:solidFill>
                <a:latin typeface="+mn-lt"/>
                <a:cs typeface="Arial" panose="020B0604020202020204" pitchFamily="34" charset="0"/>
              </a:rPr>
              <a:t>list level can be used</a:t>
            </a:r>
            <a:br>
              <a:rPr lang="fr-CH" sz="900" baseline="0" noProof="1">
                <a:solidFill>
                  <a:schemeClr val="tx1"/>
                </a:solidFill>
                <a:latin typeface="+mn-lt"/>
                <a:cs typeface="Arial" panose="020B0604020202020204" pitchFamily="34" charset="0"/>
              </a:rPr>
            </a:br>
            <a:endParaRPr lang="fr-CH" sz="900" baseline="0" noProof="1">
              <a:solidFill>
                <a:schemeClr val="tx1"/>
              </a:solidFill>
              <a:latin typeface="+mn-lt"/>
              <a:cs typeface="Arial" panose="020B0604020202020204" pitchFamily="34" charset="0"/>
            </a:endParaRPr>
          </a:p>
          <a:p>
            <a:pPr eaLnBrk="1" hangingPunct="1">
              <a:spcAft>
                <a:spcPts val="600"/>
              </a:spcAft>
              <a:defRPr/>
            </a:pPr>
            <a:r>
              <a:rPr lang="fr-CH" altLang="da-DK" sz="900" b="1" noProof="1">
                <a:solidFill>
                  <a:schemeClr val="tx1"/>
                </a:solidFill>
                <a:latin typeface="+mn-lt"/>
                <a:cs typeface="Arial" panose="020B0604020202020204" pitchFamily="34" charset="0"/>
              </a:rPr>
              <a:t>HINT: </a:t>
            </a:r>
            <a:r>
              <a:rPr lang="fr-CH" sz="900" b="1" noProof="1">
                <a:solidFill>
                  <a:schemeClr val="tx1"/>
                </a:solidFill>
                <a:latin typeface="+mn-lt"/>
                <a:cs typeface="Arial" panose="020B0604020202020204" pitchFamily="34" charset="0"/>
              </a:rPr>
              <a:t>Use bullet button</a:t>
            </a:r>
            <a:endParaRPr lang="fr-CH" dirty="0"/>
          </a:p>
          <a:p>
            <a:pPr marL="0" marR="0" lvl="0" indent="0" algn="l" defTabSz="914400" rtl="0" eaLnBrk="1" fontAlgn="auto" latinLnBrk="0" hangingPunct="1">
              <a:lnSpc>
                <a:spcPct val="100000"/>
              </a:lnSpc>
              <a:spcBef>
                <a:spcPts val="0"/>
              </a:spcBef>
              <a:spcAft>
                <a:spcPts val="600"/>
              </a:spcAft>
              <a:buClrTx/>
              <a:buSzTx/>
              <a:buFontTx/>
              <a:buNone/>
              <a:tabLst/>
              <a:defRPr/>
            </a:pPr>
            <a:r>
              <a:rPr lang="fr-CH" altLang="da-DK" sz="900" b="0" noProof="1">
                <a:solidFill>
                  <a:schemeClr val="tx1"/>
                </a:solidFill>
                <a:latin typeface="+mn-lt"/>
                <a:cs typeface="Arial" panose="020B0604020202020204" pitchFamily="34" charset="0"/>
              </a:rPr>
              <a:t>Delete bullet for regular text.</a:t>
            </a:r>
            <a:br>
              <a:rPr lang="fr-CH" altLang="da-DK" sz="900" b="0" noProof="1">
                <a:solidFill>
                  <a:schemeClr val="tx1"/>
                </a:solidFill>
                <a:latin typeface="+mn-lt"/>
                <a:cs typeface="Arial" panose="020B0604020202020204" pitchFamily="34" charset="0"/>
              </a:rPr>
            </a:br>
            <a:r>
              <a:rPr lang="fr-CH" altLang="da-DK" sz="900" b="0" noProof="1">
                <a:solidFill>
                  <a:schemeClr val="tx1"/>
                </a:solidFill>
                <a:latin typeface="+mn-lt"/>
                <a:cs typeface="Arial" panose="020B0604020202020204" pitchFamily="34" charset="0"/>
              </a:rPr>
              <a:t>Click on the bullet button to reaply the correct bullet again</a:t>
            </a:r>
            <a:endParaRPr lang="fr-CH" dirty="0"/>
          </a:p>
          <a:p>
            <a:pPr eaLnBrk="1" hangingPunct="1">
              <a:spcAft>
                <a:spcPts val="600"/>
              </a:spcAft>
              <a:defRPr/>
            </a:pPr>
            <a:br>
              <a:rPr lang="fr-CH" altLang="da-DK" sz="900" b="0" noProof="1">
                <a:solidFill>
                  <a:schemeClr val="tx1"/>
                </a:solidFill>
                <a:latin typeface="+mn-lt"/>
                <a:cs typeface="Arial" panose="020B0604020202020204" pitchFamily="34" charset="0"/>
              </a:rPr>
            </a:br>
            <a:r>
              <a:rPr lang="fr-CH" sz="1600" dirty="0">
                <a:latin typeface="+mn-lt"/>
                <a:cs typeface="Arial" panose="020B0604020202020204" pitchFamily="34" charset="0"/>
              </a:rPr>
              <a:t>SLIDES &amp; </a:t>
            </a:r>
            <a:r>
              <a:rPr lang="fr-CH" sz="1600" dirty="0" err="1">
                <a:latin typeface="+mn-lt"/>
                <a:cs typeface="Arial" panose="020B0604020202020204" pitchFamily="34" charset="0"/>
              </a:rPr>
              <a:t>LAYOUTS</a:t>
            </a:r>
            <a:endParaRPr lang="fr-CH" sz="1600" dirty="0">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r-CH" altLang="da-DK" sz="900" b="0" noProof="1">
                <a:solidFill>
                  <a:schemeClr val="tx1"/>
                </a:solidFill>
                <a:latin typeface="+mn-lt"/>
                <a:cs typeface="Arial" panose="020B0604020202020204" pitchFamily="34" charset="0"/>
              </a:rPr>
              <a:t>Click on the menu </a:t>
            </a:r>
            <a:r>
              <a:rPr lang="fr-CH" altLang="da-DK" sz="900" b="1" noProof="1">
                <a:solidFill>
                  <a:schemeClr val="tx1"/>
                </a:solidFill>
                <a:latin typeface="+mn-lt"/>
                <a:cs typeface="Arial" panose="020B0604020202020204" pitchFamily="34" charset="0"/>
              </a:rPr>
              <a:t>New Slide </a:t>
            </a:r>
            <a:r>
              <a:rPr lang="fr-CH" altLang="da-DK" sz="900" b="0" noProof="1">
                <a:solidFill>
                  <a:schemeClr val="tx1"/>
                </a:solidFill>
                <a:latin typeface="+mn-lt"/>
                <a:cs typeface="Arial" panose="020B0604020202020204" pitchFamily="34" charset="0"/>
              </a:rPr>
              <a:t>in the </a:t>
            </a:r>
            <a:r>
              <a:rPr lang="fr-CH" altLang="da-DK" sz="900" b="1" noProof="1">
                <a:solidFill>
                  <a:schemeClr val="tx1"/>
                </a:solidFill>
                <a:latin typeface="+mn-lt"/>
                <a:cs typeface="Arial" panose="020B0604020202020204" pitchFamily="34" charset="0"/>
              </a:rPr>
              <a:t>Home</a:t>
            </a:r>
            <a:r>
              <a:rPr lang="fr-CH" altLang="da-DK" sz="900" b="0" noProof="1">
                <a:solidFill>
                  <a:schemeClr val="tx1"/>
                </a:solidFill>
                <a:latin typeface="+mn-lt"/>
                <a:cs typeface="Arial" panose="020B0604020202020204" pitchFamily="34" charset="0"/>
              </a:rPr>
              <a:t> tab to insert a new slide</a:t>
            </a:r>
            <a:br>
              <a:rPr lang="fr-CH" altLang="da-DK" sz="900" b="0" noProof="1">
                <a:solidFill>
                  <a:schemeClr val="tx1"/>
                </a:solidFill>
                <a:latin typeface="+mn-lt"/>
                <a:cs typeface="Arial" panose="020B0604020202020204" pitchFamily="34" charset="0"/>
              </a:rPr>
            </a:br>
            <a:br>
              <a:rPr lang="fr-CH" altLang="da-DK" sz="900" b="0" noProof="1">
                <a:solidFill>
                  <a:schemeClr val="tx1"/>
                </a:solidFill>
                <a:latin typeface="+mn-lt"/>
                <a:cs typeface="Arial" panose="020B0604020202020204" pitchFamily="34" charset="0"/>
              </a:rPr>
            </a:br>
            <a:r>
              <a:rPr lang="fr-CH" altLang="da-DK" sz="900" b="1" noProof="1">
                <a:solidFill>
                  <a:schemeClr val="tx1"/>
                </a:solidFill>
                <a:latin typeface="+mn-lt"/>
                <a:cs typeface="Arial" panose="020B0604020202020204" pitchFamily="34" charset="0"/>
              </a:rPr>
              <a:t>Change layout</a:t>
            </a:r>
            <a:endParaRPr lang="fr-CH" altLang="da-DK" sz="900" b="0" noProof="1">
              <a:solidFill>
                <a:schemeClr val="tx1"/>
              </a:solidFill>
              <a:latin typeface="+mn-lt"/>
              <a:cs typeface="Arial" panose="020B0604020202020204" pitchFamily="34" charset="0"/>
            </a:endParaRPr>
          </a:p>
          <a:p>
            <a:pPr marL="0" indent="0">
              <a:spcAft>
                <a:spcPts val="600"/>
              </a:spcAft>
              <a:buFont typeface="+mj-lt"/>
              <a:buNone/>
            </a:pPr>
            <a:r>
              <a:rPr lang="fr-CH" sz="900" dirty="0">
                <a:solidFill>
                  <a:srgbClr val="000000"/>
                </a:solidFill>
                <a:latin typeface="+mn-lt"/>
                <a:ea typeface="Arial" panose="020B0604020202020204" pitchFamily="34" charset="0"/>
              </a:rPr>
              <a:t>Click on the </a:t>
            </a:r>
            <a:r>
              <a:rPr lang="fr-CH" sz="900" dirty="0" err="1">
                <a:solidFill>
                  <a:srgbClr val="000000"/>
                </a:solidFill>
                <a:latin typeface="+mn-lt"/>
                <a:ea typeface="Arial" panose="020B0604020202020204" pitchFamily="34" charset="0"/>
              </a:rPr>
              <a:t>arrow</a:t>
            </a:r>
            <a:r>
              <a:rPr lang="fr-CH" sz="900" dirty="0">
                <a:solidFill>
                  <a:srgbClr val="000000"/>
                </a:solidFill>
                <a:latin typeface="+mn-lt"/>
                <a:ea typeface="Arial" panose="020B0604020202020204" pitchFamily="34" charset="0"/>
              </a:rPr>
              <a:t> </a:t>
            </a:r>
            <a:r>
              <a:rPr lang="fr-CH" sz="900" dirty="0" err="1">
                <a:solidFill>
                  <a:srgbClr val="000000"/>
                </a:solidFill>
                <a:latin typeface="+mn-lt"/>
                <a:ea typeface="Arial" panose="020B0604020202020204" pitchFamily="34" charset="0"/>
              </a:rPr>
              <a:t>next</a:t>
            </a:r>
            <a:r>
              <a:rPr lang="fr-CH" sz="900" dirty="0">
                <a:solidFill>
                  <a:srgbClr val="000000"/>
                </a:solidFill>
                <a:latin typeface="+mn-lt"/>
                <a:ea typeface="Arial" panose="020B0604020202020204" pitchFamily="34" charset="0"/>
              </a:rPr>
              <a:t> to </a:t>
            </a:r>
            <a:r>
              <a:rPr lang="fr-CH" sz="900" b="1" dirty="0" err="1">
                <a:solidFill>
                  <a:srgbClr val="000000"/>
                </a:solidFill>
                <a:latin typeface="+mn-lt"/>
                <a:ea typeface="Arial" panose="020B0604020202020204" pitchFamily="34" charset="0"/>
              </a:rPr>
              <a:t>Layout</a:t>
            </a:r>
            <a:br>
              <a:rPr lang="fr-CH" sz="900" b="1" dirty="0">
                <a:solidFill>
                  <a:srgbClr val="000000"/>
                </a:solidFill>
                <a:latin typeface="+mn-lt"/>
                <a:ea typeface="Arial" panose="020B0604020202020204" pitchFamily="34" charset="0"/>
              </a:rPr>
            </a:br>
            <a:r>
              <a:rPr lang="fr-CH" sz="900" dirty="0">
                <a:solidFill>
                  <a:srgbClr val="000000"/>
                </a:solidFill>
                <a:latin typeface="+mn-lt"/>
                <a:ea typeface="Arial" panose="020B0604020202020204" pitchFamily="34" charset="0"/>
              </a:rPr>
              <a:t>to </a:t>
            </a:r>
            <a:r>
              <a:rPr lang="fr-CH" sz="900" dirty="0" err="1">
                <a:solidFill>
                  <a:srgbClr val="000000"/>
                </a:solidFill>
                <a:latin typeface="+mn-lt"/>
                <a:ea typeface="Arial" panose="020B0604020202020204" pitchFamily="34" charset="0"/>
              </a:rPr>
              <a:t>view</a:t>
            </a:r>
            <a:r>
              <a:rPr lang="fr-CH" sz="900" dirty="0">
                <a:solidFill>
                  <a:srgbClr val="000000"/>
                </a:solidFill>
                <a:latin typeface="+mn-lt"/>
                <a:ea typeface="Arial" panose="020B0604020202020204" pitchFamily="34" charset="0"/>
              </a:rPr>
              <a:t> a </a:t>
            </a:r>
            <a:r>
              <a:rPr lang="fr-CH" sz="900" dirty="0" err="1">
                <a:solidFill>
                  <a:srgbClr val="000000"/>
                </a:solidFill>
                <a:latin typeface="+mn-lt"/>
                <a:ea typeface="Arial" panose="020B0604020202020204" pitchFamily="34" charset="0"/>
              </a:rPr>
              <a:t>dropdown</a:t>
            </a:r>
            <a:r>
              <a:rPr lang="fr-CH" sz="900" dirty="0">
                <a:solidFill>
                  <a:srgbClr val="000000"/>
                </a:solidFill>
                <a:latin typeface="+mn-lt"/>
                <a:ea typeface="Arial" panose="020B0604020202020204" pitchFamily="34" charset="0"/>
              </a:rPr>
              <a:t> menu of possible slide </a:t>
            </a:r>
            <a:r>
              <a:rPr lang="fr-CH" sz="900" dirty="0" err="1">
                <a:solidFill>
                  <a:srgbClr val="000000"/>
                </a:solidFill>
                <a:latin typeface="+mn-lt"/>
                <a:ea typeface="Arial" panose="020B0604020202020204" pitchFamily="34" charset="0"/>
              </a:rPr>
              <a:t>layouts</a:t>
            </a:r>
            <a:br>
              <a:rPr lang="fr-CH" sz="900" dirty="0">
                <a:solidFill>
                  <a:srgbClr val="000000"/>
                </a:solidFill>
                <a:latin typeface="+mn-lt"/>
                <a:ea typeface="Arial" panose="020B0604020202020204" pitchFamily="34" charset="0"/>
              </a:rPr>
            </a:br>
            <a:endParaRPr lang="fr-CH" sz="900" dirty="0">
              <a:solidFill>
                <a:srgbClr val="000000"/>
              </a:solidFill>
              <a:latin typeface="+mn-lt"/>
              <a:ea typeface="Arial" panose="020B0604020202020204" pitchFamily="34" charset="0"/>
            </a:endParaRPr>
          </a:p>
          <a:p>
            <a:pPr eaLnBrk="1" hangingPunct="1">
              <a:spcAft>
                <a:spcPts val="600"/>
              </a:spcAft>
              <a:defRPr/>
            </a:pPr>
            <a:r>
              <a:rPr lang="fr-CH" sz="900" b="1" noProof="1">
                <a:solidFill>
                  <a:schemeClr val="tx1"/>
                </a:solidFill>
                <a:latin typeface="+mn-lt"/>
                <a:cs typeface="Arial" panose="020B0604020202020204" pitchFamily="34" charset="0"/>
              </a:rPr>
              <a:t>Reset slide</a:t>
            </a:r>
            <a:endParaRPr lang="fr-CH"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fr-CH" altLang="da-DK" sz="900" b="1" noProof="1">
                <a:solidFill>
                  <a:schemeClr val="tx1"/>
                </a:solidFill>
                <a:latin typeface="+mn-lt"/>
                <a:cs typeface="Arial" panose="020B0604020202020204" pitchFamily="34" charset="0"/>
              </a:rPr>
              <a:t>1. </a:t>
            </a:r>
            <a:r>
              <a:rPr lang="fr-CH" altLang="da-DK" sz="900" noProof="1">
                <a:solidFill>
                  <a:schemeClr val="tx1"/>
                </a:solidFill>
                <a:latin typeface="+mn-lt"/>
                <a:cs typeface="Arial" panose="020B0604020202020204" pitchFamily="34" charset="0"/>
              </a:rPr>
              <a:t>Click the </a:t>
            </a:r>
            <a:r>
              <a:rPr lang="fr-CH" altLang="da-DK" sz="900" b="1" noProof="1">
                <a:solidFill>
                  <a:schemeClr val="tx1"/>
                </a:solidFill>
                <a:latin typeface="+mn-lt"/>
                <a:cs typeface="Arial" panose="020B0604020202020204" pitchFamily="34" charset="0"/>
              </a:rPr>
              <a:t>Home</a:t>
            </a:r>
            <a:r>
              <a:rPr lang="fr-CH" altLang="da-DK" sz="900" noProof="1">
                <a:solidFill>
                  <a:schemeClr val="tx1"/>
                </a:solidFill>
                <a:latin typeface="+mn-lt"/>
                <a:cs typeface="Arial" panose="020B0604020202020204" pitchFamily="34" charset="0"/>
              </a:rPr>
              <a:t> tab</a:t>
            </a:r>
            <a:endParaRPr lang="fr-CH"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fr-CH" altLang="da-DK" sz="900" b="1" noProof="1">
                <a:solidFill>
                  <a:schemeClr val="tx1"/>
                </a:solidFill>
                <a:latin typeface="+mn-lt"/>
                <a:cs typeface="Arial" panose="020B0604020202020204" pitchFamily="34" charset="0"/>
              </a:rPr>
              <a:t>2. </a:t>
            </a:r>
            <a:r>
              <a:rPr lang="fr-CH" altLang="da-DK" sz="900" noProof="1">
                <a:solidFill>
                  <a:schemeClr val="tx1"/>
                </a:solidFill>
                <a:latin typeface="+mn-lt"/>
                <a:cs typeface="Arial" panose="020B0604020202020204" pitchFamily="34" charset="0"/>
              </a:rPr>
              <a:t>Click the </a:t>
            </a:r>
            <a:r>
              <a:rPr lang="fr-CH" altLang="da-DK" sz="900" b="1" noProof="1">
                <a:solidFill>
                  <a:schemeClr val="tx1"/>
                </a:solidFill>
                <a:latin typeface="+mn-lt"/>
                <a:cs typeface="Arial" panose="020B0604020202020204" pitchFamily="34" charset="0"/>
              </a:rPr>
              <a:t>Reset</a:t>
            </a:r>
            <a:r>
              <a:rPr lang="fr-CH" altLang="da-DK" sz="900" noProof="1">
                <a:solidFill>
                  <a:schemeClr val="tx1"/>
                </a:solidFill>
                <a:latin typeface="+mn-lt"/>
                <a:cs typeface="Arial" panose="020B0604020202020204" pitchFamily="34" charset="0"/>
              </a:rPr>
              <a:t> menu to reset position, size and formatting of the slide placeholders to their default settings</a:t>
            </a:r>
            <a:endParaRPr lang="fr-CH" sz="900" dirty="0">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6"/>
          <a:stretch>
            <a:fillRect/>
          </a:stretch>
        </p:blipFill>
        <p:spPr>
          <a:xfrm>
            <a:off x="3069736" y="485922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7"/>
          <a:stretch>
            <a:fillRect/>
          </a:stretch>
        </p:blipFill>
        <p:spPr>
          <a:xfrm>
            <a:off x="3069736" y="4004907"/>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8"/>
          <a:stretch>
            <a:fillRect/>
          </a:stretch>
        </p:blipFill>
        <p:spPr>
          <a:xfrm>
            <a:off x="3072434" y="5758523"/>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9"/>
          <a:stretch>
            <a:fillRect/>
          </a:stretch>
        </p:blipFill>
        <p:spPr>
          <a:xfrm>
            <a:off x="3069736" y="2499649"/>
            <a:ext cx="457143" cy="257143"/>
          </a:xfrm>
          <a:prstGeom prst="rect">
            <a:avLst/>
          </a:prstGeom>
        </p:spPr>
      </p:pic>
      <p:pic>
        <p:nvPicPr>
          <p:cNvPr id="4" name="Picture 3">
            <a:extLst>
              <a:ext uri="{FF2B5EF4-FFF2-40B4-BE49-F238E27FC236}">
                <a16:creationId xmlns:a16="http://schemas.microsoft.com/office/drawing/2014/main" id="{292A5FDF-69DC-4DD2-BFF8-3478E75DBB76}"/>
              </a:ext>
            </a:extLst>
          </p:cNvPr>
          <p:cNvPicPr>
            <a:picLocks noChangeAspect="1"/>
          </p:cNvPicPr>
          <p:nvPr userDrawn="1"/>
        </p:nvPicPr>
        <p:blipFill rotWithShape="1">
          <a:blip r:embed="rId10"/>
          <a:srcRect l="50000" t="50000" b="4554"/>
          <a:stretch/>
        </p:blipFill>
        <p:spPr>
          <a:xfrm>
            <a:off x="6954636" y="2694597"/>
            <a:ext cx="437508" cy="365851"/>
          </a:xfrm>
          <a:prstGeom prst="rect">
            <a:avLst/>
          </a:prstGeom>
        </p:spPr>
      </p:pic>
      <p:grpSp>
        <p:nvGrpSpPr>
          <p:cNvPr id="10" name="Group 9">
            <a:extLst>
              <a:ext uri="{FF2B5EF4-FFF2-40B4-BE49-F238E27FC236}">
                <a16:creationId xmlns:a16="http://schemas.microsoft.com/office/drawing/2014/main" id="{D428E528-3C21-43A5-9A1F-5FC8A3BB1E92}"/>
              </a:ext>
            </a:extLst>
          </p:cNvPr>
          <p:cNvGrpSpPr/>
          <p:nvPr userDrawn="1"/>
        </p:nvGrpSpPr>
        <p:grpSpPr>
          <a:xfrm>
            <a:off x="10565562" y="5722033"/>
            <a:ext cx="991746" cy="384654"/>
            <a:chOff x="10992821" y="4404000"/>
            <a:chExt cx="1588357" cy="616052"/>
          </a:xfrm>
        </p:grpSpPr>
        <p:pic>
          <p:nvPicPr>
            <p:cNvPr id="8" name="Picture 7">
              <a:extLst>
                <a:ext uri="{FF2B5EF4-FFF2-40B4-BE49-F238E27FC236}">
                  <a16:creationId xmlns:a16="http://schemas.microsoft.com/office/drawing/2014/main" id="{A44E7E5B-C2F8-47A1-8626-A6E32640159D}"/>
                </a:ext>
              </a:extLst>
            </p:cNvPr>
            <p:cNvPicPr>
              <a:picLocks noChangeAspect="1"/>
            </p:cNvPicPr>
            <p:nvPr userDrawn="1"/>
          </p:nvPicPr>
          <p:blipFill rotWithShape="1">
            <a:blip r:embed="rId11"/>
            <a:srcRect l="1" t="29690" r="1315"/>
            <a:stretch/>
          </p:blipFill>
          <p:spPr>
            <a:xfrm>
              <a:off x="10992821" y="4404000"/>
              <a:ext cx="1588357" cy="616052"/>
            </a:xfrm>
            <a:prstGeom prst="rect">
              <a:avLst/>
            </a:prstGeom>
          </p:spPr>
        </p:pic>
        <p:pic>
          <p:nvPicPr>
            <p:cNvPr id="33" name="Picture 32">
              <a:extLst>
                <a:ext uri="{FF2B5EF4-FFF2-40B4-BE49-F238E27FC236}">
                  <a16:creationId xmlns:a16="http://schemas.microsoft.com/office/drawing/2014/main" id="{5065702C-2099-41C8-904A-A3616CD11CA4}"/>
                </a:ext>
              </a:extLst>
            </p:cNvPr>
            <p:cNvPicPr>
              <a:picLocks noChangeAspect="1"/>
            </p:cNvPicPr>
            <p:nvPr userDrawn="1"/>
          </p:nvPicPr>
          <p:blipFill rotWithShape="1">
            <a:blip r:embed="rId11"/>
            <a:srcRect l="21641" t="72894" r="72046" b="1834"/>
            <a:stretch/>
          </p:blipFill>
          <p:spPr>
            <a:xfrm>
              <a:off x="12479578" y="4785230"/>
              <a:ext cx="101600" cy="221441"/>
            </a:xfrm>
            <a:prstGeom prst="rect">
              <a:avLst/>
            </a:prstGeom>
          </p:spPr>
        </p:pic>
      </p:grpSp>
      <p:pic>
        <p:nvPicPr>
          <p:cNvPr id="34" name="Picture 2">
            <a:extLst>
              <a:ext uri="{FF2B5EF4-FFF2-40B4-BE49-F238E27FC236}">
                <a16:creationId xmlns:a16="http://schemas.microsoft.com/office/drawing/2014/main" id="{23C2B142-78D9-4D1A-A62B-85445D78273E}"/>
              </a:ext>
            </a:extLst>
          </p:cNvPr>
          <p:cNvPicPr>
            <a:picLocks noChangeAspect="1"/>
          </p:cNvPicPr>
          <p:nvPr userDrawn="1"/>
        </p:nvPicPr>
        <p:blipFill>
          <a:blip r:embed="rId12"/>
          <a:stretch>
            <a:fillRect/>
          </a:stretch>
        </p:blipFill>
        <p:spPr>
          <a:xfrm>
            <a:off x="3069736" y="3209517"/>
            <a:ext cx="257143" cy="285714"/>
          </a:xfrm>
          <a:prstGeom prst="rect">
            <a:avLst/>
          </a:prstGeom>
        </p:spPr>
      </p:pic>
    </p:spTree>
    <p:extLst>
      <p:ext uri="{BB962C8B-B14F-4D97-AF65-F5344CB8AC3E}">
        <p14:creationId xmlns:p14="http://schemas.microsoft.com/office/powerpoint/2010/main" val="1749930400"/>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a:prstGeom prst="rect">
            <a:avLst/>
          </a:prstGeom>
        </p:spPr>
        <p:txBody>
          <a:bodyPr lIns="0" tIns="0" rIns="0" bIns="0" anchor="ctr" anchorCtr="0"/>
          <a:lstStyle>
            <a:defPPr>
              <a:defRPr lang="en-US"/>
            </a:defPPr>
            <a:lvl1pPr marL="0" algn="l" defTabSz="914400" rtl="0" eaLnBrk="1" latinLnBrk="0" hangingPunct="1">
              <a:defRPr lang="de-CH" sz="1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r-CH" smtClean="0"/>
              <a:pPr/>
              <a:t>‹N°›</a:t>
            </a:fld>
            <a:endParaRPr lang="fr-CH" dirty="0"/>
          </a:p>
        </p:txBody>
      </p:sp>
      <p:sp>
        <p:nvSpPr>
          <p:cNvPr id="17" name="Footer Placeholder 4" hidden="1">
            <a:extLst>
              <a:ext uri="{FF2B5EF4-FFF2-40B4-BE49-F238E27FC236}">
                <a16:creationId xmlns:a16="http://schemas.microsoft.com/office/drawing/2014/main" id="{7F6CE993-F6E9-4A8D-A855-02A56C094EFD}"/>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fr-CH" dirty="0"/>
          </a:p>
        </p:txBody>
      </p:sp>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r-CH"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fr-CH" sz="4400" b="0" noProof="0" dirty="0">
                <a:solidFill>
                  <a:schemeClr val="bg1"/>
                </a:solidFill>
              </a:rPr>
              <a:t>If </a:t>
            </a:r>
            <a:r>
              <a:rPr lang="fr-CH" sz="4400" b="0" noProof="0" dirty="0" err="1">
                <a:solidFill>
                  <a:schemeClr val="bg1"/>
                </a:solidFill>
              </a:rPr>
              <a:t>you</a:t>
            </a:r>
            <a:r>
              <a:rPr lang="fr-CH" sz="4400" b="0" noProof="0" dirty="0">
                <a:solidFill>
                  <a:schemeClr val="bg1"/>
                </a:solidFill>
              </a:rPr>
              <a:t> </a:t>
            </a:r>
            <a:r>
              <a:rPr lang="fr-CH" sz="4400" b="0" noProof="0" dirty="0" err="1">
                <a:solidFill>
                  <a:schemeClr val="bg1"/>
                </a:solidFill>
              </a:rPr>
              <a:t>see</a:t>
            </a:r>
            <a:r>
              <a:rPr lang="fr-CH" sz="4400" b="0" noProof="0" dirty="0">
                <a:solidFill>
                  <a:schemeClr val="bg1"/>
                </a:solidFill>
              </a:rPr>
              <a:t> </a:t>
            </a:r>
            <a:r>
              <a:rPr lang="fr-CH" sz="4400" b="0" noProof="0" dirty="0" err="1">
                <a:solidFill>
                  <a:schemeClr val="bg1"/>
                </a:solidFill>
              </a:rPr>
              <a:t>any</a:t>
            </a:r>
            <a:r>
              <a:rPr lang="fr-CH" sz="4400" b="0" noProof="0" dirty="0">
                <a:solidFill>
                  <a:schemeClr val="bg1"/>
                </a:solidFill>
              </a:rPr>
              <a:t> </a:t>
            </a:r>
            <a:r>
              <a:rPr lang="fr-CH" sz="4400" b="1" i="1" noProof="0" dirty="0" err="1">
                <a:solidFill>
                  <a:schemeClr val="bg1"/>
                </a:solidFill>
              </a:rPr>
              <a:t>layouts</a:t>
            </a:r>
            <a:r>
              <a:rPr lang="fr-CH" sz="4400" b="1" i="1" noProof="0" dirty="0">
                <a:solidFill>
                  <a:schemeClr val="bg1"/>
                </a:solidFill>
              </a:rPr>
              <a:t> </a:t>
            </a:r>
            <a:r>
              <a:rPr lang="fr-CH" sz="4400" b="1" i="1" noProof="0" dirty="0" err="1">
                <a:solidFill>
                  <a:schemeClr val="bg1"/>
                </a:solidFill>
              </a:rPr>
              <a:t>after</a:t>
            </a:r>
            <a:r>
              <a:rPr lang="fr-CH" sz="4400" b="1" i="1" noProof="0" dirty="0">
                <a:solidFill>
                  <a:schemeClr val="bg1"/>
                </a:solidFill>
              </a:rPr>
              <a:t> </a:t>
            </a:r>
            <a:r>
              <a:rPr lang="fr-CH" sz="4400" b="1" i="1" noProof="0" dirty="0" err="1">
                <a:solidFill>
                  <a:schemeClr val="bg1"/>
                </a:solidFill>
              </a:rPr>
              <a:t>this</a:t>
            </a:r>
            <a:r>
              <a:rPr lang="fr-CH" sz="4400" b="1" i="1" noProof="0" dirty="0">
                <a:solidFill>
                  <a:schemeClr val="bg1"/>
                </a:solidFill>
              </a:rPr>
              <a:t> </a:t>
            </a:r>
            <a:r>
              <a:rPr lang="fr-CH" sz="4400" b="0" i="0" noProof="0" dirty="0">
                <a:solidFill>
                  <a:schemeClr val="bg1"/>
                </a:solidFill>
              </a:rPr>
              <a:t>one</a:t>
            </a:r>
            <a:r>
              <a:rPr lang="fr-CH" sz="4400" b="1" i="1" noProof="0" dirty="0">
                <a:solidFill>
                  <a:schemeClr val="bg1"/>
                </a:solidFill>
              </a:rPr>
              <a:t>,</a:t>
            </a:r>
            <a:br>
              <a:rPr lang="fr-CH" sz="4400" b="0" i="0" noProof="0" dirty="0">
                <a:solidFill>
                  <a:schemeClr val="bg1"/>
                </a:solidFill>
              </a:rPr>
            </a:br>
            <a:r>
              <a:rPr lang="fr-CH" sz="4400" b="0" noProof="0" dirty="0">
                <a:solidFill>
                  <a:schemeClr val="bg1"/>
                </a:solidFill>
              </a:rPr>
              <a:t>do not use </a:t>
            </a:r>
            <a:r>
              <a:rPr lang="fr-CH" sz="4400" b="0" noProof="0" dirty="0" err="1">
                <a:solidFill>
                  <a:schemeClr val="bg1"/>
                </a:solidFill>
              </a:rPr>
              <a:t>them</a:t>
            </a:r>
            <a:r>
              <a:rPr lang="fr-CH" sz="4400" b="0" noProof="0" dirty="0">
                <a:solidFill>
                  <a:schemeClr val="bg1"/>
                </a:solidFill>
              </a:rPr>
              <a:t>. </a:t>
            </a:r>
            <a:r>
              <a:rPr lang="fr-CH" sz="4400" b="0" noProof="0" dirty="0" err="1">
                <a:solidFill>
                  <a:schemeClr val="bg1"/>
                </a:solidFill>
              </a:rPr>
              <a:t>These</a:t>
            </a:r>
            <a:r>
              <a:rPr lang="fr-CH" sz="4400" b="0" noProof="0" dirty="0">
                <a:solidFill>
                  <a:schemeClr val="bg1"/>
                </a:solidFill>
              </a:rPr>
              <a:t> </a:t>
            </a:r>
            <a:r>
              <a:rPr lang="fr-CH" sz="4400" b="0" noProof="0" dirty="0" err="1">
                <a:solidFill>
                  <a:schemeClr val="bg1"/>
                </a:solidFill>
              </a:rPr>
              <a:t>layouts</a:t>
            </a:r>
            <a:r>
              <a:rPr lang="fr-CH" sz="4400" b="0" noProof="0" dirty="0">
                <a:solidFill>
                  <a:schemeClr val="bg1"/>
                </a:solidFill>
              </a:rPr>
              <a:t> </a:t>
            </a:r>
            <a:r>
              <a:rPr lang="fr-CH" sz="4400" b="1" i="1" u="none" noProof="0" dirty="0">
                <a:solidFill>
                  <a:schemeClr val="bg1"/>
                </a:solidFill>
              </a:rPr>
              <a:t>are not </a:t>
            </a:r>
            <a:r>
              <a:rPr lang="fr-CH" sz="4400" b="0" noProof="0" dirty="0">
                <a:solidFill>
                  <a:schemeClr val="bg1"/>
                </a:solidFill>
              </a:rPr>
              <a:t>part of </a:t>
            </a:r>
            <a:r>
              <a:rPr lang="fr-CH" sz="4400" b="0" noProof="0" dirty="0" err="1">
                <a:solidFill>
                  <a:schemeClr val="bg1"/>
                </a:solidFill>
              </a:rPr>
              <a:t>our</a:t>
            </a:r>
            <a:r>
              <a:rPr lang="fr-CH" sz="4400" b="0" noProof="0" dirty="0">
                <a:solidFill>
                  <a:schemeClr val="bg1"/>
                </a:solidFill>
              </a:rPr>
              <a:t> </a:t>
            </a:r>
            <a:r>
              <a:rPr lang="fr-CH" sz="4400" b="0" noProof="0" dirty="0" err="1">
                <a:solidFill>
                  <a:schemeClr val="bg1"/>
                </a:solidFill>
              </a:rPr>
              <a:t>corporate</a:t>
            </a:r>
            <a:r>
              <a:rPr lang="fr-CH" sz="4400" b="0" noProof="0" dirty="0">
                <a:solidFill>
                  <a:schemeClr val="bg1"/>
                </a:solidFill>
              </a:rPr>
              <a:t> </a:t>
            </a:r>
            <a:r>
              <a:rPr lang="fr-CH" sz="4400" b="0" noProof="0" dirty="0" err="1">
                <a:solidFill>
                  <a:schemeClr val="bg1"/>
                </a:solidFill>
              </a:rPr>
              <a:t>template</a:t>
            </a:r>
            <a:r>
              <a:rPr lang="fr-CH" sz="4400" b="0" noProof="0" dirty="0">
                <a:solidFill>
                  <a:schemeClr val="bg1"/>
                </a:solidFill>
              </a:rPr>
              <a:t>.</a:t>
            </a:r>
            <a:br>
              <a:rPr lang="fr-CH" sz="2800" b="0" noProof="0" dirty="0">
                <a:solidFill>
                  <a:schemeClr val="bg1"/>
                </a:solidFill>
              </a:rPr>
            </a:br>
            <a:br>
              <a:rPr lang="fr-CH" sz="2800" b="0" noProof="0" dirty="0">
                <a:solidFill>
                  <a:schemeClr val="bg1"/>
                </a:solidFill>
              </a:rPr>
            </a:br>
            <a:endParaRPr lang="fr-CH"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r-CH"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r-CH"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fr-CH" sz="13800" b="1" i="1" noProof="0" dirty="0">
                <a:solidFill>
                  <a:schemeClr val="bg1"/>
                </a:solidFill>
              </a:rPr>
              <a:t>Do not use </a:t>
            </a:r>
            <a:endParaRPr lang="fr-CH"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fr-CH" sz="2000" b="0" noProof="0" dirty="0">
                <a:solidFill>
                  <a:schemeClr val="bg1"/>
                </a:solidFill>
              </a:rPr>
              <a:t>Due to </a:t>
            </a:r>
            <a:r>
              <a:rPr lang="fr-CH" sz="2000" b="0" noProof="0" dirty="0" err="1">
                <a:solidFill>
                  <a:schemeClr val="bg1"/>
                </a:solidFill>
              </a:rPr>
              <a:t>PowerPoint’s</a:t>
            </a:r>
            <a:r>
              <a:rPr lang="fr-CH" sz="2000" b="0" noProof="0" dirty="0">
                <a:solidFill>
                  <a:schemeClr val="bg1"/>
                </a:solidFill>
              </a:rPr>
              <a:t> standard Copy/Paste </a:t>
            </a:r>
            <a:r>
              <a:rPr lang="fr-CH" sz="2000" b="0" noProof="0" dirty="0" err="1">
                <a:solidFill>
                  <a:schemeClr val="bg1"/>
                </a:solidFill>
              </a:rPr>
              <a:t>functionality</a:t>
            </a:r>
            <a:r>
              <a:rPr lang="fr-CH" sz="2000" b="0" noProof="0" dirty="0">
                <a:solidFill>
                  <a:schemeClr val="bg1"/>
                </a:solidFill>
              </a:rPr>
              <a:t> extra </a:t>
            </a:r>
            <a:r>
              <a:rPr lang="fr-CH" sz="2000" b="0" noProof="0" dirty="0" err="1">
                <a:solidFill>
                  <a:schemeClr val="bg1"/>
                </a:solidFill>
              </a:rPr>
              <a:t>undesirable</a:t>
            </a:r>
            <a:r>
              <a:rPr lang="fr-CH" sz="2000" b="0" noProof="0" dirty="0">
                <a:solidFill>
                  <a:schemeClr val="bg1"/>
                </a:solidFill>
              </a:rPr>
              <a:t> </a:t>
            </a:r>
            <a:r>
              <a:rPr lang="fr-CH" sz="2000" b="0" noProof="0" dirty="0" err="1">
                <a:solidFill>
                  <a:schemeClr val="bg1"/>
                </a:solidFill>
              </a:rPr>
              <a:t>layouts</a:t>
            </a:r>
            <a:r>
              <a:rPr lang="fr-CH" sz="2000" b="0" noProof="0" dirty="0">
                <a:solidFill>
                  <a:schemeClr val="bg1"/>
                </a:solidFill>
              </a:rPr>
              <a:t> can </a:t>
            </a:r>
            <a:r>
              <a:rPr lang="fr-CH" sz="2000" b="0" noProof="0" dirty="0" err="1">
                <a:solidFill>
                  <a:schemeClr val="bg1"/>
                </a:solidFill>
              </a:rPr>
              <a:t>appear</a:t>
            </a:r>
            <a:r>
              <a:rPr lang="fr-CH" sz="2000" b="0" noProof="0" dirty="0">
                <a:solidFill>
                  <a:schemeClr val="bg1"/>
                </a:solidFill>
              </a:rPr>
              <a:t>.</a:t>
            </a:r>
            <a:endParaRPr lang="fr-CH" dirty="0"/>
          </a:p>
          <a:p>
            <a:pPr marL="0" marR="0" indent="0" algn="ctr" fontAlgn="auto">
              <a:lnSpc>
                <a:spcPct val="100000"/>
              </a:lnSpc>
              <a:spcBef>
                <a:spcPts val="600"/>
              </a:spcBef>
              <a:spcAft>
                <a:spcPts val="0"/>
              </a:spcAft>
              <a:buClr>
                <a:srgbClr val="003755"/>
              </a:buClr>
              <a:buSzTx/>
              <a:buFontTx/>
              <a:buNone/>
              <a:tabLst/>
            </a:pPr>
            <a:r>
              <a:rPr lang="fr-CH" sz="2000" b="0" noProof="0" dirty="0" err="1">
                <a:solidFill>
                  <a:schemeClr val="bg1"/>
                </a:solidFill>
              </a:rPr>
              <a:t>Also</a:t>
            </a:r>
            <a:r>
              <a:rPr lang="fr-CH" sz="2000" b="0" noProof="0" dirty="0">
                <a:solidFill>
                  <a:schemeClr val="bg1"/>
                </a:solidFill>
              </a:rPr>
              <a:t> notice: </a:t>
            </a:r>
            <a:r>
              <a:rPr lang="fr-CH" sz="2000" b="0" noProof="0" dirty="0" err="1">
                <a:solidFill>
                  <a:schemeClr val="bg1"/>
                </a:solidFill>
              </a:rPr>
              <a:t>Layouts</a:t>
            </a:r>
            <a:r>
              <a:rPr lang="fr-CH" sz="2000" b="0" noProof="0" dirty="0">
                <a:solidFill>
                  <a:schemeClr val="bg1"/>
                </a:solidFill>
              </a:rPr>
              <a:t> </a:t>
            </a:r>
            <a:r>
              <a:rPr lang="fr-CH" sz="2000" b="0" noProof="0" dirty="0" err="1">
                <a:solidFill>
                  <a:schemeClr val="bg1"/>
                </a:solidFill>
              </a:rPr>
              <a:t>after</a:t>
            </a:r>
            <a:r>
              <a:rPr lang="fr-CH" sz="2000" b="0" noProof="0" dirty="0">
                <a:solidFill>
                  <a:schemeClr val="bg1"/>
                </a:solidFill>
              </a:rPr>
              <a:t> </a:t>
            </a:r>
            <a:r>
              <a:rPr lang="fr-CH" sz="2000" b="0" noProof="0" dirty="0" err="1">
                <a:solidFill>
                  <a:schemeClr val="bg1"/>
                </a:solidFill>
              </a:rPr>
              <a:t>this</a:t>
            </a:r>
            <a:r>
              <a:rPr lang="fr-CH" sz="2000" b="0" noProof="0" dirty="0">
                <a:solidFill>
                  <a:schemeClr val="bg1"/>
                </a:solidFill>
              </a:rPr>
              <a:t> </a:t>
            </a:r>
            <a:r>
              <a:rPr lang="fr-CH" sz="2000" b="0" noProof="0" dirty="0" err="1">
                <a:solidFill>
                  <a:schemeClr val="bg1"/>
                </a:solidFill>
              </a:rPr>
              <a:t>might</a:t>
            </a:r>
            <a:r>
              <a:rPr lang="fr-CH" sz="2000" b="0" noProof="0" dirty="0">
                <a:solidFill>
                  <a:schemeClr val="bg1"/>
                </a:solidFill>
              </a:rPr>
              <a:t> </a:t>
            </a:r>
            <a:r>
              <a:rPr lang="fr-CH" sz="2000" b="0" noProof="0" dirty="0" err="1">
                <a:solidFill>
                  <a:schemeClr val="bg1"/>
                </a:solidFill>
              </a:rPr>
              <a:t>contain</a:t>
            </a:r>
            <a:r>
              <a:rPr lang="fr-CH" sz="2000" b="0" noProof="0" dirty="0">
                <a:solidFill>
                  <a:schemeClr val="bg1"/>
                </a:solidFill>
              </a:rPr>
              <a:t> </a:t>
            </a:r>
            <a:r>
              <a:rPr lang="fr-CH" sz="2000" b="0" noProof="0" dirty="0" err="1">
                <a:solidFill>
                  <a:schemeClr val="bg1"/>
                </a:solidFill>
              </a:rPr>
              <a:t>potential</a:t>
            </a:r>
            <a:r>
              <a:rPr lang="fr-CH" sz="2000" b="0" noProof="0" dirty="0">
                <a:solidFill>
                  <a:schemeClr val="bg1"/>
                </a:solidFill>
              </a:rPr>
              <a:t> </a:t>
            </a:r>
            <a:r>
              <a:rPr lang="fr-CH" sz="2000" b="0" noProof="0" dirty="0" err="1">
                <a:solidFill>
                  <a:schemeClr val="bg1"/>
                </a:solidFill>
              </a:rPr>
              <a:t>confidential</a:t>
            </a:r>
            <a:r>
              <a:rPr lang="fr-CH" sz="2000" b="0" noProof="0" dirty="0">
                <a:solidFill>
                  <a:schemeClr val="bg1"/>
                </a:solidFill>
              </a:rPr>
              <a:t> information.</a:t>
            </a:r>
            <a:br>
              <a:rPr lang="fr-CH" sz="1800" b="0" noProof="0" dirty="0">
                <a:solidFill>
                  <a:schemeClr val="bg1"/>
                </a:solidFill>
              </a:rPr>
            </a:br>
            <a:endParaRPr lang="fr-CH" sz="1800" b="0" noProof="0" dirty="0">
              <a:solidFill>
                <a:schemeClr val="bg1"/>
              </a:solidFill>
            </a:endParaRPr>
          </a:p>
        </p:txBody>
      </p:sp>
    </p:spTree>
    <p:extLst>
      <p:ext uri="{BB962C8B-B14F-4D97-AF65-F5344CB8AC3E}">
        <p14:creationId xmlns:p14="http://schemas.microsoft.com/office/powerpoint/2010/main" val="2525532630"/>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matchingName="Schlussfolie" userDrawn="1">
  <p:cSld name="1_Schlussfolie">
    <p:bg>
      <p:bgPr>
        <a:solidFill>
          <a:srgbClr val="FFFFFF"/>
        </a:solidFill>
        <a:effectLst/>
      </p:bgPr>
    </p:bg>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2" y="1667042"/>
            <a:ext cx="3600000" cy="169277"/>
          </a:xfrm>
        </p:spPr>
        <p:txBody>
          <a:bodyPr wrap="none">
            <a:noAutofit/>
          </a:bodyPr>
          <a:lstStyle>
            <a:lvl1pPr marL="0" indent="0">
              <a:lnSpc>
                <a:spcPct val="122000"/>
              </a:lnSpc>
              <a:spcBef>
                <a:spcPts val="0"/>
              </a:spcBef>
              <a:buFont typeface="+mj-lt"/>
              <a:buNone/>
              <a:defRPr sz="1100">
                <a:solidFill>
                  <a:schemeClr val="tx2"/>
                </a:solidFill>
              </a:defRPr>
            </a:lvl1pPr>
          </a:lstStyle>
          <a:p>
            <a:pPr lvl="0"/>
            <a:r>
              <a:rPr lang="de-CH" dirty="0"/>
              <a:t>Text hinzufügen, z.B. «Vorbereitet für»</a:t>
            </a:r>
          </a:p>
        </p:txBody>
      </p:sp>
      <p:sp>
        <p:nvSpPr>
          <p:cNvPr id="8" name="Text Placeholder 10">
            <a:extLst>
              <a:ext uri="{FF2B5EF4-FFF2-40B4-BE49-F238E27FC236}">
                <a16:creationId xmlns:a16="http://schemas.microsoft.com/office/drawing/2014/main" id="{AE159A9E-B59E-4E45-8FD8-1A551BEB2087}"/>
              </a:ext>
            </a:extLst>
          </p:cNvPr>
          <p:cNvSpPr>
            <a:spLocks noGrp="1"/>
          </p:cNvSpPr>
          <p:nvPr>
            <p:ph type="body" sz="quarter" idx="17" hasCustomPrompt="1"/>
          </p:nvPr>
        </p:nvSpPr>
        <p:spPr>
          <a:xfrm>
            <a:off x="334962" y="1853365"/>
            <a:ext cx="5761038" cy="286674"/>
          </a:xfrm>
        </p:spPr>
        <p:txBody>
          <a:bodyPr wrap="square">
            <a:noAutofit/>
          </a:bodyPr>
          <a:lstStyle>
            <a:lvl1pPr marL="0" indent="0">
              <a:lnSpc>
                <a:spcPct val="122000"/>
              </a:lnSpc>
              <a:spcBef>
                <a:spcPts val="0"/>
              </a:spcBef>
              <a:buFont typeface="+mj-lt"/>
              <a:buNone/>
              <a:defRPr sz="2000">
                <a:solidFill>
                  <a:srgbClr val="000000"/>
                </a:solidFill>
              </a:defRPr>
            </a:lvl1pPr>
          </a:lstStyle>
          <a:p>
            <a:pPr lvl="0"/>
            <a:r>
              <a:rPr lang="de-CH" dirty="0"/>
              <a:t>Klient, Namen</a:t>
            </a:r>
          </a:p>
        </p:txBody>
      </p:sp>
      <p:sp>
        <p:nvSpPr>
          <p:cNvPr id="9" name="Text Placeholder 10">
            <a:extLst>
              <a:ext uri="{FF2B5EF4-FFF2-40B4-BE49-F238E27FC236}">
                <a16:creationId xmlns:a16="http://schemas.microsoft.com/office/drawing/2014/main" id="{7BE3CC73-8E68-4C14-863B-B410D30384F7}"/>
              </a:ext>
            </a:extLst>
          </p:cNvPr>
          <p:cNvSpPr>
            <a:spLocks noGrp="1"/>
          </p:cNvSpPr>
          <p:nvPr>
            <p:ph type="body" sz="quarter" idx="18" hasCustomPrompt="1"/>
          </p:nvPr>
        </p:nvSpPr>
        <p:spPr>
          <a:xfrm>
            <a:off x="334962" y="6197768"/>
            <a:ext cx="1512566" cy="435568"/>
          </a:xfrm>
        </p:spPr>
        <p:txBody>
          <a:bodyPr wrap="square" anchor="b">
            <a:spAutoFit/>
          </a:bodyPr>
          <a:lstStyle>
            <a:lvl1pPr marL="0" indent="0">
              <a:lnSpc>
                <a:spcPct val="122000"/>
              </a:lnSpc>
              <a:spcBef>
                <a:spcPts val="0"/>
              </a:spcBef>
              <a:buFont typeface="+mj-lt"/>
              <a:buNone/>
              <a:defRPr sz="1200">
                <a:solidFill>
                  <a:srgbClr val="000000"/>
                </a:solidFill>
              </a:defRPr>
            </a:lvl1pPr>
          </a:lstStyle>
          <a:p>
            <a:pPr lvl="0"/>
            <a:r>
              <a:rPr lang="de-CH" dirty="0"/>
              <a:t>Absender der </a:t>
            </a:r>
            <a:br>
              <a:rPr lang="de-CH" dirty="0"/>
            </a:br>
            <a:r>
              <a:rPr lang="de-CH" dirty="0"/>
              <a:t>Firma</a:t>
            </a:r>
          </a:p>
        </p:txBody>
      </p:sp>
      <p:sp>
        <p:nvSpPr>
          <p:cNvPr id="12" name="Text Placeholder 10">
            <a:extLst>
              <a:ext uri="{FF2B5EF4-FFF2-40B4-BE49-F238E27FC236}">
                <a16:creationId xmlns:a16="http://schemas.microsoft.com/office/drawing/2014/main" id="{620B5110-7F0F-4C93-9135-46DA6F2375B8}"/>
              </a:ext>
            </a:extLst>
          </p:cNvPr>
          <p:cNvSpPr>
            <a:spLocks noGrp="1"/>
          </p:cNvSpPr>
          <p:nvPr>
            <p:ph type="body" sz="quarter" idx="20" hasCustomPrompt="1"/>
          </p:nvPr>
        </p:nvSpPr>
        <p:spPr>
          <a:xfrm>
            <a:off x="1991544" y="6197768"/>
            <a:ext cx="2808312" cy="435568"/>
          </a:xfrm>
        </p:spPr>
        <p:txBody>
          <a:bodyPr wrap="square" anchor="b">
            <a:spAutoFit/>
          </a:bodyPr>
          <a:lstStyle>
            <a:lvl1pPr marL="0" indent="0">
              <a:lnSpc>
                <a:spcPct val="122000"/>
              </a:lnSpc>
              <a:spcBef>
                <a:spcPts val="0"/>
              </a:spcBef>
              <a:buFont typeface="+mj-lt"/>
              <a:buNone/>
              <a:tabLst>
                <a:tab pos="162000" algn="l"/>
              </a:tabLst>
              <a:defRPr sz="1200">
                <a:solidFill>
                  <a:schemeClr val="tx2"/>
                </a:solidFill>
              </a:defRPr>
            </a:lvl1pPr>
          </a:lstStyle>
          <a:p>
            <a:pPr lvl="0"/>
            <a:r>
              <a:rPr lang="de-CH" dirty="0"/>
              <a:t>Absender der </a:t>
            </a:r>
            <a:br>
              <a:rPr lang="de-CH" dirty="0"/>
            </a:br>
            <a:r>
              <a:rPr lang="de-CH" dirty="0"/>
              <a:t>ersten Person</a:t>
            </a:r>
          </a:p>
        </p:txBody>
      </p:sp>
      <p:sp>
        <p:nvSpPr>
          <p:cNvPr id="13" name="Text Placeholder 10">
            <a:extLst>
              <a:ext uri="{FF2B5EF4-FFF2-40B4-BE49-F238E27FC236}">
                <a16:creationId xmlns:a16="http://schemas.microsoft.com/office/drawing/2014/main" id="{C373683B-A445-4DF2-8779-0A42D5511482}"/>
              </a:ext>
            </a:extLst>
          </p:cNvPr>
          <p:cNvSpPr>
            <a:spLocks noGrp="1"/>
          </p:cNvSpPr>
          <p:nvPr>
            <p:ph type="body" sz="quarter" idx="21" hasCustomPrompt="1"/>
          </p:nvPr>
        </p:nvSpPr>
        <p:spPr>
          <a:xfrm>
            <a:off x="5137486" y="6197768"/>
            <a:ext cx="2808312" cy="435568"/>
          </a:xfrm>
        </p:spPr>
        <p:txBody>
          <a:bodyPr wrap="square" anchor="b">
            <a:spAutoFit/>
          </a:bodyPr>
          <a:lstStyle>
            <a:lvl1pPr marL="0" indent="0">
              <a:lnSpc>
                <a:spcPct val="122000"/>
              </a:lnSpc>
              <a:spcBef>
                <a:spcPts val="0"/>
              </a:spcBef>
              <a:buFont typeface="+mj-lt"/>
              <a:buNone/>
              <a:tabLst>
                <a:tab pos="162000" algn="l"/>
              </a:tabLst>
              <a:defRPr sz="1200">
                <a:solidFill>
                  <a:schemeClr val="tx2"/>
                </a:solidFill>
              </a:defRPr>
            </a:lvl1pPr>
          </a:lstStyle>
          <a:p>
            <a:pPr lvl="0"/>
            <a:r>
              <a:rPr lang="de-CH" dirty="0"/>
              <a:t>Absender der </a:t>
            </a:r>
            <a:br>
              <a:rPr lang="de-CH" dirty="0"/>
            </a:br>
            <a:r>
              <a:rPr lang="de-CH" dirty="0"/>
              <a:t>zweiten Person</a:t>
            </a:r>
          </a:p>
        </p:txBody>
      </p:sp>
    </p:spTree>
    <p:extLst>
      <p:ext uri="{BB962C8B-B14F-4D97-AF65-F5344CB8AC3E}">
        <p14:creationId xmlns:p14="http://schemas.microsoft.com/office/powerpoint/2010/main" val="2960761729"/>
      </p:ext>
    </p:extLst>
  </p:cSld>
  <p:clrMapOvr>
    <a:masterClrMapping/>
  </p:clrMapOvr>
  <p:hf hdr="0"/>
</p:sldLayout>
</file>

<file path=ppt/slideLayouts/slideLayout7.xml><?xml version="1.0" encoding="utf-8"?>
<p:sldLayout xmlns:a="http://schemas.openxmlformats.org/drawingml/2006/main" xmlns:r="http://schemas.openxmlformats.org/officeDocument/2006/relationships" xmlns:p="http://schemas.openxmlformats.org/presentationml/2006/main" matchingName="Kernaussage und Inhalt 1" preserve="1" userDrawn="1">
  <p:cSld name="Kernaussage und Inhalt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109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5159895" y="1916113"/>
            <a:ext cx="6408217" cy="4033837"/>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3" y="222798"/>
            <a:ext cx="9361488"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3" y="1916112"/>
            <a:ext cx="3600797" cy="4033837"/>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934CC874-8A4D-4D34-997E-5FD2AC5F2953}"/>
              </a:ext>
            </a:extLst>
          </p:cNvPr>
          <p:cNvSpPr>
            <a:spLocks noGrp="1"/>
          </p:cNvSpPr>
          <p:nvPr>
            <p:ph type="sldNum" sz="quarter" idx="15"/>
          </p:nvPr>
        </p:nvSpPr>
        <p:spPr/>
        <p:txBody>
          <a:bodyPr/>
          <a:lstStyle/>
          <a:p>
            <a:fld id="{24E2D433-BD3B-4D17-96B6-E8CB81F77A94}" type="slidenum">
              <a:rPr lang="fr-CH" smtClean="0"/>
              <a:pPr/>
              <a:t>‹N°›</a:t>
            </a:fld>
            <a:endParaRPr lang="fr-CH" dirty="0"/>
          </a:p>
        </p:txBody>
      </p:sp>
      <p:sp>
        <p:nvSpPr>
          <p:cNvPr id="6" name="TextBox 5">
            <a:extLst>
              <a:ext uri="{FF2B5EF4-FFF2-40B4-BE49-F238E27FC236}">
                <a16:creationId xmlns:a16="http://schemas.microsoft.com/office/drawing/2014/main" id="{0DF31EA8-E043-44DB-AD92-41CA24656E34}"/>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5" name="Datumsplatzhalter 4">
            <a:extLst>
              <a:ext uri="{FF2B5EF4-FFF2-40B4-BE49-F238E27FC236}">
                <a16:creationId xmlns:a16="http://schemas.microsoft.com/office/drawing/2014/main" id="{D69F0768-6114-114D-0B3A-62A5E1CA5DBE}"/>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146581965"/>
      </p:ext>
    </p:extLst>
  </p:cSld>
  <p:clrMapOvr>
    <a:masterClrMapping/>
  </p:clrMapOvr>
  <p:hf hdr="0"/>
</p:sldLayout>
</file>

<file path=ppt/slideLayouts/slideLayout8.xml><?xml version="1.0" encoding="utf-8"?>
<p:sldLayout xmlns:a="http://schemas.openxmlformats.org/drawingml/2006/main" xmlns:r="http://schemas.openxmlformats.org/officeDocument/2006/relationships" xmlns:p="http://schemas.openxmlformats.org/presentationml/2006/main" matchingName="Kernaussage und Inhalt 2" preserve="1" userDrawn="1">
  <p:cSld name="Kernaussage und Inhalt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1090" cy="461982"/>
          </a:xfrm>
        </p:spPr>
        <p:txBody>
          <a:bodyPr/>
          <a:lstStyle/>
          <a:p>
            <a:r>
              <a:rPr lang="fr-CH" dirty="0" err="1"/>
              <a:t>Folientitel</a:t>
            </a:r>
            <a:endParaRPr lang="fr-CH" dirty="0"/>
          </a:p>
        </p:txBody>
      </p:sp>
      <p:sp>
        <p:nvSpPr>
          <p:cNvPr id="4" name="Content Placeholder 3">
            <a:extLst>
              <a:ext uri="{FF2B5EF4-FFF2-40B4-BE49-F238E27FC236}">
                <a16:creationId xmlns:a16="http://schemas.microsoft.com/office/drawing/2014/main" id="{33902515-6805-4322-99E0-23E5CB531CDA}"/>
              </a:ext>
            </a:extLst>
          </p:cNvPr>
          <p:cNvSpPr>
            <a:spLocks noGrp="1"/>
          </p:cNvSpPr>
          <p:nvPr>
            <p:ph sz="half" idx="2"/>
          </p:nvPr>
        </p:nvSpPr>
        <p:spPr>
          <a:xfrm>
            <a:off x="5159895" y="1125539"/>
            <a:ext cx="6408217" cy="4824412"/>
          </a:xfrm>
        </p:spPr>
        <p:txBody>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3" y="222798"/>
            <a:ext cx="9361488"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3" y="1916112"/>
            <a:ext cx="3600797" cy="4033837"/>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934CC874-8A4D-4D34-997E-5FD2AC5F2953}"/>
              </a:ext>
            </a:extLst>
          </p:cNvPr>
          <p:cNvSpPr>
            <a:spLocks noGrp="1"/>
          </p:cNvSpPr>
          <p:nvPr>
            <p:ph type="sldNum" sz="quarter" idx="15"/>
          </p:nvPr>
        </p:nvSpPr>
        <p:spPr/>
        <p:txBody>
          <a:bodyPr/>
          <a:lstStyle/>
          <a:p>
            <a:fld id="{5BD0A3C7-5414-4E07-A03B-3452A88BBC64}" type="slidenum">
              <a:rPr lang="fr-CH" smtClean="0"/>
              <a:pPr/>
              <a:t>‹N°›</a:t>
            </a:fld>
            <a:endParaRPr lang="fr-CH" dirty="0"/>
          </a:p>
        </p:txBody>
      </p:sp>
      <p:sp>
        <p:nvSpPr>
          <p:cNvPr id="6" name="TextBox 5">
            <a:extLst>
              <a:ext uri="{FF2B5EF4-FFF2-40B4-BE49-F238E27FC236}">
                <a16:creationId xmlns:a16="http://schemas.microsoft.com/office/drawing/2014/main" id="{0FBA3AFD-3562-4FA2-BDDA-9615C282C7E2}"/>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2" name="Datumsplatzhalter 4">
            <a:extLst>
              <a:ext uri="{FF2B5EF4-FFF2-40B4-BE49-F238E27FC236}">
                <a16:creationId xmlns:a16="http://schemas.microsoft.com/office/drawing/2014/main" id="{9209BD89-34B3-939D-C6A3-39BC15084525}"/>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836580987"/>
      </p:ext>
    </p:extLst>
  </p:cSld>
  <p:clrMapOvr>
    <a:masterClrMapping/>
  </p:clrMapOvr>
  <p:hf hdr="0"/>
</p:sldLayout>
</file>

<file path=ppt/slideLayouts/slideLayout9.xml><?xml version="1.0" encoding="utf-8"?>
<p:sldLayout xmlns:a="http://schemas.openxmlformats.org/drawingml/2006/main" xmlns:r="http://schemas.openxmlformats.org/officeDocument/2006/relationships" xmlns:p="http://schemas.openxmlformats.org/presentationml/2006/main" matchingName="Kernaussage und 4 Textboxen akzentuiert" preserve="1" userDrawn="1">
  <p:cSld name="Kernaussage und 4 Textboxen akzentuie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3A4280-3844-404F-8E6C-D045CCDA942C}"/>
              </a:ext>
            </a:extLst>
          </p:cNvPr>
          <p:cNvSpPr>
            <a:spLocks noGrp="1"/>
          </p:cNvSpPr>
          <p:nvPr>
            <p:ph type="title" hasCustomPrompt="1"/>
          </p:nvPr>
        </p:nvSpPr>
        <p:spPr>
          <a:xfrm>
            <a:off x="335360" y="518746"/>
            <a:ext cx="9361090" cy="461982"/>
          </a:xfrm>
        </p:spPr>
        <p:txBody>
          <a:bodyPr/>
          <a:lstStyle/>
          <a:p>
            <a:r>
              <a:rPr lang="fr-CH" dirty="0" err="1"/>
              <a:t>Folientitel</a:t>
            </a:r>
            <a:endParaRPr lang="fr-CH" dirty="0"/>
          </a:p>
        </p:txBody>
      </p:sp>
      <p:sp>
        <p:nvSpPr>
          <p:cNvPr id="9" name="Subtitle 2">
            <a:extLst>
              <a:ext uri="{FF2B5EF4-FFF2-40B4-BE49-F238E27FC236}">
                <a16:creationId xmlns:a16="http://schemas.microsoft.com/office/drawing/2014/main" id="{A2250333-7369-44D2-B9CE-47B7DFD8CEEF}"/>
              </a:ext>
            </a:extLst>
          </p:cNvPr>
          <p:cNvSpPr>
            <a:spLocks noGrp="1"/>
          </p:cNvSpPr>
          <p:nvPr>
            <p:ph type="subTitle" idx="13" hasCustomPrompt="1"/>
          </p:nvPr>
        </p:nvSpPr>
        <p:spPr>
          <a:xfrm>
            <a:off x="334963" y="222798"/>
            <a:ext cx="9361488" cy="244624"/>
          </a:xfrm>
        </p:spPr>
        <p:txBody>
          <a:bodyPr anchor="b"/>
          <a:lstStyle>
            <a:lvl1pPr marL="0" indent="0" algn="l">
              <a:buNone/>
              <a:tabLst>
                <a:tab pos="270000" algn="l"/>
              </a:tabLst>
              <a:defRPr sz="10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algn="l"/>
            <a:r>
              <a:rPr lang="fr-CH" sz="1000" b="0" dirty="0" err="1"/>
              <a:t>Präsentationstitel</a:t>
            </a:r>
            <a:r>
              <a:rPr lang="fr-CH" sz="1000" b="0" dirty="0"/>
              <a:t>/</a:t>
            </a:r>
            <a:r>
              <a:rPr lang="fr-CH" sz="1000" b="0" dirty="0" err="1"/>
              <a:t>Kapiteltitel</a:t>
            </a:r>
            <a:endParaRPr lang="fr-CH" sz="1000" b="0" dirty="0"/>
          </a:p>
        </p:txBody>
      </p:sp>
      <p:sp>
        <p:nvSpPr>
          <p:cNvPr id="11" name="Text Placeholder 10">
            <a:extLst>
              <a:ext uri="{FF2B5EF4-FFF2-40B4-BE49-F238E27FC236}">
                <a16:creationId xmlns:a16="http://schemas.microsoft.com/office/drawing/2014/main" id="{8CEDA8EF-7D97-4B76-B5D7-F991A982A3CD}"/>
              </a:ext>
            </a:extLst>
          </p:cNvPr>
          <p:cNvSpPr>
            <a:spLocks noGrp="1"/>
          </p:cNvSpPr>
          <p:nvPr>
            <p:ph type="body" sz="quarter" idx="14" hasCustomPrompt="1"/>
          </p:nvPr>
        </p:nvSpPr>
        <p:spPr>
          <a:xfrm>
            <a:off x="334963" y="1916112"/>
            <a:ext cx="3600797" cy="4033837"/>
          </a:xfrm>
        </p:spPr>
        <p:txBody>
          <a:bodyPr/>
          <a:lstStyle>
            <a:lvl1pPr marL="0" indent="0">
              <a:lnSpc>
                <a:spcPct val="100000"/>
              </a:lnSpc>
              <a:buNone/>
              <a:defRPr sz="2000"/>
            </a:lvl1pPr>
          </a:lstStyle>
          <a:p>
            <a:pPr lvl="0"/>
            <a:r>
              <a:rPr lang="fr-CH" dirty="0" err="1"/>
              <a:t>Kernaussage</a:t>
            </a:r>
            <a:endParaRPr lang="fr-CH" dirty="0"/>
          </a:p>
        </p:txBody>
      </p:sp>
      <p:sp>
        <p:nvSpPr>
          <p:cNvPr id="3" name="Foliennummernplatzhalter 2">
            <a:extLst>
              <a:ext uri="{FF2B5EF4-FFF2-40B4-BE49-F238E27FC236}">
                <a16:creationId xmlns:a16="http://schemas.microsoft.com/office/drawing/2014/main" id="{934CC874-8A4D-4D34-997E-5FD2AC5F2953}"/>
              </a:ext>
            </a:extLst>
          </p:cNvPr>
          <p:cNvSpPr>
            <a:spLocks noGrp="1"/>
          </p:cNvSpPr>
          <p:nvPr>
            <p:ph type="sldNum" sz="quarter" idx="15"/>
          </p:nvPr>
        </p:nvSpPr>
        <p:spPr/>
        <p:txBody>
          <a:bodyPr/>
          <a:lstStyle/>
          <a:p>
            <a:fld id="{FC362A1C-D03C-4301-9D28-06CE832B6EC4}" type="slidenum">
              <a:rPr lang="fr-CH" smtClean="0"/>
              <a:pPr/>
              <a:t>‹N°›</a:t>
            </a:fld>
            <a:endParaRPr lang="fr-CH" dirty="0"/>
          </a:p>
        </p:txBody>
      </p:sp>
      <p:sp>
        <p:nvSpPr>
          <p:cNvPr id="29" name="Textplatzhalter 13">
            <a:extLst>
              <a:ext uri="{FF2B5EF4-FFF2-40B4-BE49-F238E27FC236}">
                <a16:creationId xmlns:a16="http://schemas.microsoft.com/office/drawing/2014/main" id="{BA73B1FA-0E2A-47F5-950A-2201DEC47678}"/>
              </a:ext>
            </a:extLst>
          </p:cNvPr>
          <p:cNvSpPr>
            <a:spLocks noGrp="1"/>
          </p:cNvSpPr>
          <p:nvPr>
            <p:ph type="body" sz="quarter" idx="17"/>
          </p:nvPr>
        </p:nvSpPr>
        <p:spPr>
          <a:xfrm>
            <a:off x="4150964" y="1125538"/>
            <a:ext cx="3600797" cy="2303462"/>
          </a:xfrm>
          <a:solidFill>
            <a:srgbClr val="28E6A5"/>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30" name="Textplatzhalter 13">
            <a:extLst>
              <a:ext uri="{FF2B5EF4-FFF2-40B4-BE49-F238E27FC236}">
                <a16:creationId xmlns:a16="http://schemas.microsoft.com/office/drawing/2014/main" id="{EDBB00A8-7A30-4C3E-B852-BE172BCE2AA8}"/>
              </a:ext>
            </a:extLst>
          </p:cNvPr>
          <p:cNvSpPr>
            <a:spLocks noGrp="1"/>
          </p:cNvSpPr>
          <p:nvPr>
            <p:ph type="body" sz="quarter" idx="22"/>
          </p:nvPr>
        </p:nvSpPr>
        <p:spPr>
          <a:xfrm>
            <a:off x="4150963" y="3648076"/>
            <a:ext cx="3600797" cy="2303462"/>
          </a:xfrm>
          <a:solidFill>
            <a:srgbClr val="46CFF0"/>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31" name="Textplatzhalter 13">
            <a:extLst>
              <a:ext uri="{FF2B5EF4-FFF2-40B4-BE49-F238E27FC236}">
                <a16:creationId xmlns:a16="http://schemas.microsoft.com/office/drawing/2014/main" id="{9EA300B3-C7FC-4AB6-A3BD-2B11462BA947}"/>
              </a:ext>
            </a:extLst>
          </p:cNvPr>
          <p:cNvSpPr>
            <a:spLocks noGrp="1"/>
          </p:cNvSpPr>
          <p:nvPr>
            <p:ph type="body" sz="quarter" idx="23"/>
          </p:nvPr>
        </p:nvSpPr>
        <p:spPr>
          <a:xfrm>
            <a:off x="7967315" y="3648076"/>
            <a:ext cx="3600797" cy="2303462"/>
          </a:xfrm>
          <a:solidFill>
            <a:srgbClr val="9664E1"/>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32" name="Textplatzhalter 13">
            <a:extLst>
              <a:ext uri="{FF2B5EF4-FFF2-40B4-BE49-F238E27FC236}">
                <a16:creationId xmlns:a16="http://schemas.microsoft.com/office/drawing/2014/main" id="{1345A7DE-49E5-4D01-B519-0E541BFBE1E7}"/>
              </a:ext>
            </a:extLst>
          </p:cNvPr>
          <p:cNvSpPr>
            <a:spLocks noGrp="1"/>
          </p:cNvSpPr>
          <p:nvPr>
            <p:ph type="body" sz="quarter" idx="24"/>
          </p:nvPr>
        </p:nvSpPr>
        <p:spPr>
          <a:xfrm>
            <a:off x="7967316" y="1125538"/>
            <a:ext cx="3600797" cy="2303462"/>
          </a:xfrm>
          <a:solidFill>
            <a:srgbClr val="FF7382"/>
          </a:solidFill>
        </p:spPr>
        <p:txBody>
          <a:bodyPr lIns="252000" tIns="144000" rIns="252000" bIns="144000"/>
          <a:lstStyle>
            <a:lvl1pPr marL="0" indent="0">
              <a:spcBef>
                <a:spcPts val="600"/>
              </a:spcBef>
              <a:buNone/>
              <a:defRPr b="1"/>
            </a:lvl1pPr>
            <a:lvl2pPr marL="0" indent="0">
              <a:spcBef>
                <a:spcPts val="0"/>
              </a:spcBef>
              <a:buNone/>
              <a:defRPr/>
            </a:lvl2pPr>
            <a:lvl3pPr marL="462600" indent="0">
              <a:buNone/>
              <a:defRPr/>
            </a:lvl3pPr>
            <a:lvl4pPr marL="693000" indent="0">
              <a:buNone/>
              <a:defRPr/>
            </a:lvl4pPr>
            <a:lvl5pPr marL="923400" indent="0">
              <a:buNone/>
              <a:defRPr/>
            </a:lvl5p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p:txBody>
      </p:sp>
      <p:sp>
        <p:nvSpPr>
          <p:cNvPr id="5" name="TextBox 4">
            <a:extLst>
              <a:ext uri="{FF2B5EF4-FFF2-40B4-BE49-F238E27FC236}">
                <a16:creationId xmlns:a16="http://schemas.microsoft.com/office/drawing/2014/main" id="{5F1CC36F-50B7-4A9E-AC06-9BC09314ACC8}"/>
              </a:ext>
            </a:extLst>
          </p:cNvPr>
          <p:cNvSpPr txBox="1">
            <a:spLocks/>
          </p:cNvSpPr>
          <p:nvPr userDrawn="1">
            <p:custDataLst>
              <p:tags r:id="rId1"/>
            </p:custDataLst>
          </p:nvPr>
        </p:nvSpPr>
        <p:spPr>
          <a:xfrm>
            <a:off x="335360" y="6487558"/>
            <a:ext cx="2880320" cy="133264"/>
          </a:xfrm>
          <a:prstGeom prst="rect">
            <a:avLst/>
          </a:prstGeom>
          <a:noFill/>
        </p:spPr>
        <p:txBody>
          <a:bodyPr wrap="none" lIns="0" tIns="0" rIns="0" bIns="0" rtlCol="0" anchor="b" anchorCtr="0">
            <a:noAutofit/>
          </a:bodyPr>
          <a:lstStyle/>
          <a:p>
            <a:endParaRPr lang="fr-CH" sz="800" dirty="0">
              <a:solidFill>
                <a:srgbClr val="969696"/>
              </a:solidFill>
            </a:endParaRPr>
          </a:p>
        </p:txBody>
      </p:sp>
      <p:sp>
        <p:nvSpPr>
          <p:cNvPr id="10" name="Datumsplatzhalter 3">
            <a:extLst>
              <a:ext uri="{FF2B5EF4-FFF2-40B4-BE49-F238E27FC236}">
                <a16:creationId xmlns:a16="http://schemas.microsoft.com/office/drawing/2014/main" id="{15D40D03-8D3A-5708-C2C9-5268930052C7}"/>
              </a:ext>
            </a:extLst>
          </p:cNvPr>
          <p:cNvSpPr txBox="1">
            <a:spLocks/>
          </p:cNvSpPr>
          <p:nvPr userDrawn="1"/>
        </p:nvSpPr>
        <p:spPr>
          <a:xfrm>
            <a:off x="14376" y="6858000"/>
            <a:ext cx="0" cy="0"/>
          </a:xfrm>
          <a:prstGeom prst="rect">
            <a:avLst/>
          </a:prstGeom>
        </p:spPr>
        <p:txBody>
          <a:bodyPr lIns="0" tIns="0" rIns="0" bIns="0" anchor="ctr" anchorCtr="0"/>
          <a:lstStyle>
            <a:defPPr>
              <a:defRPr lang="en-US"/>
            </a:defPPr>
            <a:lvl1pPr marL="0" algn="l" defTabSz="914400" rtl="0" eaLnBrk="1" latinLnBrk="0" hangingPunct="1">
              <a:defRPr lang="de-CH" sz="800" kern="1200" baseline="0" dirty="0" smtClean="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fr-CH" dirty="0"/>
          </a:p>
        </p:txBody>
      </p:sp>
    </p:spTree>
    <p:extLst>
      <p:ext uri="{BB962C8B-B14F-4D97-AF65-F5344CB8AC3E}">
        <p14:creationId xmlns:p14="http://schemas.microsoft.com/office/powerpoint/2010/main" val="203304130"/>
      </p:ext>
    </p:extLst>
  </p:cSld>
  <p:clrMapOvr>
    <a:masterClrMapping/>
  </p:clrMapOvr>
  <p:hf hdr="0"/>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theme" Target="../theme/theme1.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tags" Target="../tags/tag2.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7" name="Grafik 4">
            <a:extLst>
              <a:ext uri="{FF2B5EF4-FFF2-40B4-BE49-F238E27FC236}">
                <a16:creationId xmlns:a16="http://schemas.microsoft.com/office/drawing/2014/main" id="{76381367-01B1-426D-A2CB-4E37195823FD}"/>
              </a:ext>
            </a:extLst>
          </p:cNvPr>
          <p:cNvSpPr/>
          <p:nvPr>
            <p:custDataLst>
              <p:tags r:id="rId64"/>
            </p:custDataLst>
          </p:nvPr>
        </p:nvSpPr>
        <p:spPr>
          <a:xfrm rot="16200000">
            <a:off x="11362470" y="712833"/>
            <a:ext cx="877892" cy="157328"/>
          </a:xfrm>
          <a:custGeom>
            <a:avLst/>
            <a:gdLst>
              <a:gd name="connsiteX0" fmla="*/ 834313 w 877892"/>
              <a:gd name="connsiteY0" fmla="*/ 122087 h 157328"/>
              <a:gd name="connsiteX1" fmla="*/ 844224 w 877892"/>
              <a:gd name="connsiteY1" fmla="*/ 122087 h 157328"/>
              <a:gd name="connsiteX2" fmla="*/ 844224 w 877892"/>
              <a:gd name="connsiteY2" fmla="*/ 69067 h 157328"/>
              <a:gd name="connsiteX3" fmla="*/ 846742 w 877892"/>
              <a:gd name="connsiteY3" fmla="*/ 57582 h 157328"/>
              <a:gd name="connsiteX4" fmla="*/ 853192 w 877892"/>
              <a:gd name="connsiteY4" fmla="*/ 49244 h 157328"/>
              <a:gd name="connsiteX5" fmla="*/ 861845 w 877892"/>
              <a:gd name="connsiteY5" fmla="*/ 43737 h 157328"/>
              <a:gd name="connsiteX6" fmla="*/ 870970 w 877892"/>
              <a:gd name="connsiteY6" fmla="*/ 42164 h 157328"/>
              <a:gd name="connsiteX7" fmla="*/ 876634 w 877892"/>
              <a:gd name="connsiteY7" fmla="*/ 42636 h 157328"/>
              <a:gd name="connsiteX8" fmla="*/ 877893 w 877892"/>
              <a:gd name="connsiteY8" fmla="*/ 33196 h 157328"/>
              <a:gd name="connsiteX9" fmla="*/ 874431 w 877892"/>
              <a:gd name="connsiteY9" fmla="*/ 32724 h 157328"/>
              <a:gd name="connsiteX10" fmla="*/ 870970 w 877892"/>
              <a:gd name="connsiteY10" fmla="*/ 32567 h 157328"/>
              <a:gd name="connsiteX11" fmla="*/ 856496 w 877892"/>
              <a:gd name="connsiteY11" fmla="*/ 36658 h 157328"/>
              <a:gd name="connsiteX12" fmla="*/ 844382 w 877892"/>
              <a:gd name="connsiteY12" fmla="*/ 48300 h 157328"/>
              <a:gd name="connsiteX13" fmla="*/ 844382 w 877892"/>
              <a:gd name="connsiteY13" fmla="*/ 33983 h 157328"/>
              <a:gd name="connsiteX14" fmla="*/ 834470 w 877892"/>
              <a:gd name="connsiteY14" fmla="*/ 33983 h 157328"/>
              <a:gd name="connsiteX15" fmla="*/ 834470 w 877892"/>
              <a:gd name="connsiteY15" fmla="*/ 122087 h 157328"/>
              <a:gd name="connsiteX16" fmla="*/ 742275 w 877892"/>
              <a:gd name="connsiteY16" fmla="*/ 72057 h 157328"/>
              <a:gd name="connsiteX17" fmla="*/ 751558 w 877892"/>
              <a:gd name="connsiteY17" fmla="*/ 47356 h 157328"/>
              <a:gd name="connsiteX18" fmla="*/ 772011 w 877892"/>
              <a:gd name="connsiteY18" fmla="*/ 39332 h 157328"/>
              <a:gd name="connsiteX19" fmla="*/ 784597 w 877892"/>
              <a:gd name="connsiteY19" fmla="*/ 41692 h 157328"/>
              <a:gd name="connsiteX20" fmla="*/ 793092 w 877892"/>
              <a:gd name="connsiteY20" fmla="*/ 48457 h 157328"/>
              <a:gd name="connsiteX21" fmla="*/ 797812 w 877892"/>
              <a:gd name="connsiteY21" fmla="*/ 58841 h 157328"/>
              <a:gd name="connsiteX22" fmla="*/ 799386 w 877892"/>
              <a:gd name="connsiteY22" fmla="*/ 72057 h 157328"/>
              <a:gd name="connsiteX23" fmla="*/ 742275 w 877892"/>
              <a:gd name="connsiteY23" fmla="*/ 72057 h 157328"/>
              <a:gd name="connsiteX24" fmla="*/ 798756 w 877892"/>
              <a:gd name="connsiteY24" fmla="*/ 99117 h 157328"/>
              <a:gd name="connsiteX25" fmla="*/ 795924 w 877892"/>
              <a:gd name="connsiteY25" fmla="*/ 106197 h 157328"/>
              <a:gd name="connsiteX26" fmla="*/ 791047 w 877892"/>
              <a:gd name="connsiteY26" fmla="*/ 111703 h 157328"/>
              <a:gd name="connsiteX27" fmla="*/ 783338 w 877892"/>
              <a:gd name="connsiteY27" fmla="*/ 115322 h 157328"/>
              <a:gd name="connsiteX28" fmla="*/ 772011 w 877892"/>
              <a:gd name="connsiteY28" fmla="*/ 116581 h 157328"/>
              <a:gd name="connsiteX29" fmla="*/ 758952 w 877892"/>
              <a:gd name="connsiteY29" fmla="*/ 113749 h 157328"/>
              <a:gd name="connsiteX30" fmla="*/ 749513 w 877892"/>
              <a:gd name="connsiteY30" fmla="*/ 106040 h 157328"/>
              <a:gd name="connsiteX31" fmla="*/ 743849 w 877892"/>
              <a:gd name="connsiteY31" fmla="*/ 94555 h 157328"/>
              <a:gd name="connsiteX32" fmla="*/ 741961 w 877892"/>
              <a:gd name="connsiteY32" fmla="*/ 80395 h 157328"/>
              <a:gd name="connsiteX33" fmla="*/ 809769 w 877892"/>
              <a:gd name="connsiteY33" fmla="*/ 80395 h 157328"/>
              <a:gd name="connsiteX34" fmla="*/ 809769 w 877892"/>
              <a:gd name="connsiteY34" fmla="*/ 74102 h 157328"/>
              <a:gd name="connsiteX35" fmla="*/ 807724 w 877892"/>
              <a:gd name="connsiteY35" fmla="*/ 57110 h 157328"/>
              <a:gd name="connsiteX36" fmla="*/ 801116 w 877892"/>
              <a:gd name="connsiteY36" fmla="*/ 43580 h 157328"/>
              <a:gd name="connsiteX37" fmla="*/ 789474 w 877892"/>
              <a:gd name="connsiteY37" fmla="*/ 34455 h 157328"/>
              <a:gd name="connsiteX38" fmla="*/ 772011 w 877892"/>
              <a:gd name="connsiteY38" fmla="*/ 31151 h 157328"/>
              <a:gd name="connsiteX39" fmla="*/ 755963 w 877892"/>
              <a:gd name="connsiteY39" fmla="*/ 34298 h 157328"/>
              <a:gd name="connsiteX40" fmla="*/ 743377 w 877892"/>
              <a:gd name="connsiteY40" fmla="*/ 43423 h 157328"/>
              <a:gd name="connsiteX41" fmla="*/ 735038 w 877892"/>
              <a:gd name="connsiteY41" fmla="*/ 58369 h 157328"/>
              <a:gd name="connsiteX42" fmla="*/ 732049 w 877892"/>
              <a:gd name="connsiteY42" fmla="*/ 78822 h 157328"/>
              <a:gd name="connsiteX43" fmla="*/ 742590 w 877892"/>
              <a:gd name="connsiteY43" fmla="*/ 112490 h 157328"/>
              <a:gd name="connsiteX44" fmla="*/ 772011 w 877892"/>
              <a:gd name="connsiteY44" fmla="*/ 124762 h 157328"/>
              <a:gd name="connsiteX45" fmla="*/ 797340 w 877892"/>
              <a:gd name="connsiteY45" fmla="*/ 117525 h 157328"/>
              <a:gd name="connsiteX46" fmla="*/ 808353 w 877892"/>
              <a:gd name="connsiteY46" fmla="*/ 98802 h 157328"/>
              <a:gd name="connsiteX47" fmla="*/ 798756 w 877892"/>
              <a:gd name="connsiteY47" fmla="*/ 98802 h 157328"/>
              <a:gd name="connsiteX48" fmla="*/ 697752 w 877892"/>
              <a:gd name="connsiteY48" fmla="*/ 77878 h 157328"/>
              <a:gd name="connsiteX49" fmla="*/ 694605 w 877892"/>
              <a:gd name="connsiteY49" fmla="*/ 95184 h 157328"/>
              <a:gd name="connsiteX50" fmla="*/ 685480 w 877892"/>
              <a:gd name="connsiteY50" fmla="*/ 106512 h 157328"/>
              <a:gd name="connsiteX51" fmla="*/ 677141 w 877892"/>
              <a:gd name="connsiteY51" fmla="*/ 110759 h 157328"/>
              <a:gd name="connsiteX52" fmla="*/ 667544 w 877892"/>
              <a:gd name="connsiteY52" fmla="*/ 112018 h 157328"/>
              <a:gd name="connsiteX53" fmla="*/ 657475 w 877892"/>
              <a:gd name="connsiteY53" fmla="*/ 110130 h 157328"/>
              <a:gd name="connsiteX54" fmla="*/ 648508 w 877892"/>
              <a:gd name="connsiteY54" fmla="*/ 103994 h 157328"/>
              <a:gd name="connsiteX55" fmla="*/ 642057 w 877892"/>
              <a:gd name="connsiteY55" fmla="*/ 92981 h 157328"/>
              <a:gd name="connsiteX56" fmla="*/ 639540 w 877892"/>
              <a:gd name="connsiteY56" fmla="*/ 76304 h 157328"/>
              <a:gd name="connsiteX57" fmla="*/ 641743 w 877892"/>
              <a:gd name="connsiteY57" fmla="*/ 59628 h 157328"/>
              <a:gd name="connsiteX58" fmla="*/ 647878 w 877892"/>
              <a:gd name="connsiteY58" fmla="*/ 48300 h 157328"/>
              <a:gd name="connsiteX59" fmla="*/ 657161 w 877892"/>
              <a:gd name="connsiteY59" fmla="*/ 41849 h 157328"/>
              <a:gd name="connsiteX60" fmla="*/ 668803 w 877892"/>
              <a:gd name="connsiteY60" fmla="*/ 39804 h 157328"/>
              <a:gd name="connsiteX61" fmla="*/ 677928 w 877892"/>
              <a:gd name="connsiteY61" fmla="*/ 41220 h 157328"/>
              <a:gd name="connsiteX62" fmla="*/ 686109 w 877892"/>
              <a:gd name="connsiteY62" fmla="*/ 45625 h 157328"/>
              <a:gd name="connsiteX63" fmla="*/ 691458 w 877892"/>
              <a:gd name="connsiteY63" fmla="*/ 50503 h 157328"/>
              <a:gd name="connsiteX64" fmla="*/ 695077 w 877892"/>
              <a:gd name="connsiteY64" fmla="*/ 56481 h 157328"/>
              <a:gd name="connsiteX65" fmla="*/ 697122 w 877892"/>
              <a:gd name="connsiteY65" fmla="*/ 64190 h 157328"/>
              <a:gd name="connsiteX66" fmla="*/ 697752 w 877892"/>
              <a:gd name="connsiteY66" fmla="*/ 74574 h 157328"/>
              <a:gd name="connsiteX67" fmla="*/ 697752 w 877892"/>
              <a:gd name="connsiteY67" fmla="*/ 77878 h 157328"/>
              <a:gd name="connsiteX68" fmla="*/ 632303 w 877892"/>
              <a:gd name="connsiteY68" fmla="*/ 131684 h 157328"/>
              <a:gd name="connsiteX69" fmla="*/ 636236 w 877892"/>
              <a:gd name="connsiteY69" fmla="*/ 143641 h 157328"/>
              <a:gd name="connsiteX70" fmla="*/ 644260 w 877892"/>
              <a:gd name="connsiteY70" fmla="*/ 151508 h 157328"/>
              <a:gd name="connsiteX71" fmla="*/ 655588 w 877892"/>
              <a:gd name="connsiteY71" fmla="*/ 155913 h 157328"/>
              <a:gd name="connsiteX72" fmla="*/ 669590 w 877892"/>
              <a:gd name="connsiteY72" fmla="*/ 157329 h 157328"/>
              <a:gd name="connsiteX73" fmla="*/ 698381 w 877892"/>
              <a:gd name="connsiteY73" fmla="*/ 147102 h 157328"/>
              <a:gd name="connsiteX74" fmla="*/ 707506 w 877892"/>
              <a:gd name="connsiteY74" fmla="*/ 119098 h 157328"/>
              <a:gd name="connsiteX75" fmla="*/ 707506 w 877892"/>
              <a:gd name="connsiteY75" fmla="*/ 33983 h 157328"/>
              <a:gd name="connsiteX76" fmla="*/ 697594 w 877892"/>
              <a:gd name="connsiteY76" fmla="*/ 33983 h 157328"/>
              <a:gd name="connsiteX77" fmla="*/ 697594 w 877892"/>
              <a:gd name="connsiteY77" fmla="*/ 46097 h 157328"/>
              <a:gd name="connsiteX78" fmla="*/ 683749 w 877892"/>
              <a:gd name="connsiteY78" fmla="*/ 34612 h 157328"/>
              <a:gd name="connsiteX79" fmla="*/ 668803 w 877892"/>
              <a:gd name="connsiteY79" fmla="*/ 31466 h 157328"/>
              <a:gd name="connsiteX80" fmla="*/ 652126 w 877892"/>
              <a:gd name="connsiteY80" fmla="*/ 34770 h 157328"/>
              <a:gd name="connsiteX81" fmla="*/ 639697 w 877892"/>
              <a:gd name="connsiteY81" fmla="*/ 43895 h 157328"/>
              <a:gd name="connsiteX82" fmla="*/ 631831 w 877892"/>
              <a:gd name="connsiteY82" fmla="*/ 58212 h 157328"/>
              <a:gd name="connsiteX83" fmla="*/ 629156 w 877892"/>
              <a:gd name="connsiteY83" fmla="*/ 76934 h 157328"/>
              <a:gd name="connsiteX84" fmla="*/ 631359 w 877892"/>
              <a:gd name="connsiteY84" fmla="*/ 93453 h 157328"/>
              <a:gd name="connsiteX85" fmla="*/ 638124 w 877892"/>
              <a:gd name="connsiteY85" fmla="*/ 107613 h 157328"/>
              <a:gd name="connsiteX86" fmla="*/ 649924 w 877892"/>
              <a:gd name="connsiteY86" fmla="*/ 117525 h 157328"/>
              <a:gd name="connsiteX87" fmla="*/ 666915 w 877892"/>
              <a:gd name="connsiteY87" fmla="*/ 121143 h 157328"/>
              <a:gd name="connsiteX88" fmla="*/ 684693 w 877892"/>
              <a:gd name="connsiteY88" fmla="*/ 116895 h 157328"/>
              <a:gd name="connsiteX89" fmla="*/ 697594 w 877892"/>
              <a:gd name="connsiteY89" fmla="*/ 104938 h 157328"/>
              <a:gd name="connsiteX90" fmla="*/ 697594 w 877892"/>
              <a:gd name="connsiteY90" fmla="*/ 118154 h 157328"/>
              <a:gd name="connsiteX91" fmla="*/ 690829 w 877892"/>
              <a:gd name="connsiteY91" fmla="*/ 142068 h 157328"/>
              <a:gd name="connsiteX92" fmla="*/ 669432 w 877892"/>
              <a:gd name="connsiteY92" fmla="*/ 149148 h 157328"/>
              <a:gd name="connsiteX93" fmla="*/ 650081 w 877892"/>
              <a:gd name="connsiteY93" fmla="*/ 144900 h 157328"/>
              <a:gd name="connsiteX94" fmla="*/ 641900 w 877892"/>
              <a:gd name="connsiteY94" fmla="*/ 131999 h 157328"/>
              <a:gd name="connsiteX95" fmla="*/ 632303 w 877892"/>
              <a:gd name="connsiteY95" fmla="*/ 131999 h 157328"/>
              <a:gd name="connsiteX96" fmla="*/ 573462 w 877892"/>
              <a:gd name="connsiteY96" fmla="*/ 122087 h 157328"/>
              <a:gd name="connsiteX97" fmla="*/ 583374 w 877892"/>
              <a:gd name="connsiteY97" fmla="*/ 122087 h 157328"/>
              <a:gd name="connsiteX98" fmla="*/ 583374 w 877892"/>
              <a:gd name="connsiteY98" fmla="*/ 69067 h 157328"/>
              <a:gd name="connsiteX99" fmla="*/ 585891 w 877892"/>
              <a:gd name="connsiteY99" fmla="*/ 57582 h 157328"/>
              <a:gd name="connsiteX100" fmla="*/ 592341 w 877892"/>
              <a:gd name="connsiteY100" fmla="*/ 49244 h 157328"/>
              <a:gd name="connsiteX101" fmla="*/ 600995 w 877892"/>
              <a:gd name="connsiteY101" fmla="*/ 43737 h 157328"/>
              <a:gd name="connsiteX102" fmla="*/ 610120 w 877892"/>
              <a:gd name="connsiteY102" fmla="*/ 42164 h 157328"/>
              <a:gd name="connsiteX103" fmla="*/ 615783 w 877892"/>
              <a:gd name="connsiteY103" fmla="*/ 42636 h 157328"/>
              <a:gd name="connsiteX104" fmla="*/ 617042 w 877892"/>
              <a:gd name="connsiteY104" fmla="*/ 33196 h 157328"/>
              <a:gd name="connsiteX105" fmla="*/ 613581 w 877892"/>
              <a:gd name="connsiteY105" fmla="*/ 32724 h 157328"/>
              <a:gd name="connsiteX106" fmla="*/ 610120 w 877892"/>
              <a:gd name="connsiteY106" fmla="*/ 32567 h 157328"/>
              <a:gd name="connsiteX107" fmla="*/ 595645 w 877892"/>
              <a:gd name="connsiteY107" fmla="*/ 36658 h 157328"/>
              <a:gd name="connsiteX108" fmla="*/ 583531 w 877892"/>
              <a:gd name="connsiteY108" fmla="*/ 48300 h 157328"/>
              <a:gd name="connsiteX109" fmla="*/ 583531 w 877892"/>
              <a:gd name="connsiteY109" fmla="*/ 33983 h 157328"/>
              <a:gd name="connsiteX110" fmla="*/ 573619 w 877892"/>
              <a:gd name="connsiteY110" fmla="*/ 33983 h 157328"/>
              <a:gd name="connsiteX111" fmla="*/ 573619 w 877892"/>
              <a:gd name="connsiteY111" fmla="*/ 122087 h 157328"/>
              <a:gd name="connsiteX112" fmla="*/ 475604 w 877892"/>
              <a:gd name="connsiteY112" fmla="*/ 92667 h 157328"/>
              <a:gd name="connsiteX113" fmla="*/ 482054 w 877892"/>
              <a:gd name="connsiteY113" fmla="*/ 116581 h 157328"/>
              <a:gd name="connsiteX114" fmla="*/ 503608 w 877892"/>
              <a:gd name="connsiteY114" fmla="*/ 124762 h 157328"/>
              <a:gd name="connsiteX115" fmla="*/ 535546 w 877892"/>
              <a:gd name="connsiteY115" fmla="*/ 107613 h 157328"/>
              <a:gd name="connsiteX116" fmla="*/ 535546 w 877892"/>
              <a:gd name="connsiteY116" fmla="*/ 121930 h 157328"/>
              <a:gd name="connsiteX117" fmla="*/ 545458 w 877892"/>
              <a:gd name="connsiteY117" fmla="*/ 121930 h 157328"/>
              <a:gd name="connsiteX118" fmla="*/ 545458 w 877892"/>
              <a:gd name="connsiteY118" fmla="*/ 33826 h 157328"/>
              <a:gd name="connsiteX119" fmla="*/ 535546 w 877892"/>
              <a:gd name="connsiteY119" fmla="*/ 33826 h 157328"/>
              <a:gd name="connsiteX120" fmla="*/ 535546 w 877892"/>
              <a:gd name="connsiteY120" fmla="*/ 85430 h 157328"/>
              <a:gd name="connsiteX121" fmla="*/ 533029 w 877892"/>
              <a:gd name="connsiteY121" fmla="*/ 98330 h 157328"/>
              <a:gd name="connsiteX122" fmla="*/ 525477 w 877892"/>
              <a:gd name="connsiteY122" fmla="*/ 107456 h 157328"/>
              <a:gd name="connsiteX123" fmla="*/ 515408 w 877892"/>
              <a:gd name="connsiteY123" fmla="*/ 113591 h 157328"/>
              <a:gd name="connsiteX124" fmla="*/ 504867 w 877892"/>
              <a:gd name="connsiteY124" fmla="*/ 115637 h 157328"/>
              <a:gd name="connsiteX125" fmla="*/ 489921 w 877892"/>
              <a:gd name="connsiteY125" fmla="*/ 109501 h 157328"/>
              <a:gd name="connsiteX126" fmla="*/ 485515 w 877892"/>
              <a:gd name="connsiteY126" fmla="*/ 89520 h 157328"/>
              <a:gd name="connsiteX127" fmla="*/ 485515 w 877892"/>
              <a:gd name="connsiteY127" fmla="*/ 33983 h 157328"/>
              <a:gd name="connsiteX128" fmla="*/ 475604 w 877892"/>
              <a:gd name="connsiteY128" fmla="*/ 33983 h 157328"/>
              <a:gd name="connsiteX129" fmla="*/ 475604 w 877892"/>
              <a:gd name="connsiteY129" fmla="*/ 92667 h 157328"/>
              <a:gd name="connsiteX130" fmla="*/ 382623 w 877892"/>
              <a:gd name="connsiteY130" fmla="*/ 73945 h 157328"/>
              <a:gd name="connsiteX131" fmla="*/ 385927 w 877892"/>
              <a:gd name="connsiteY131" fmla="*/ 56796 h 157328"/>
              <a:gd name="connsiteX132" fmla="*/ 395209 w 877892"/>
              <a:gd name="connsiteY132" fmla="*/ 45625 h 157328"/>
              <a:gd name="connsiteX133" fmla="*/ 403705 w 877892"/>
              <a:gd name="connsiteY133" fmla="*/ 41220 h 157328"/>
              <a:gd name="connsiteX134" fmla="*/ 413302 w 877892"/>
              <a:gd name="connsiteY134" fmla="*/ 39962 h 157328"/>
              <a:gd name="connsiteX135" fmla="*/ 423056 w 877892"/>
              <a:gd name="connsiteY135" fmla="*/ 41692 h 157328"/>
              <a:gd name="connsiteX136" fmla="*/ 432024 w 877892"/>
              <a:gd name="connsiteY136" fmla="*/ 47828 h 157328"/>
              <a:gd name="connsiteX137" fmla="*/ 438474 w 877892"/>
              <a:gd name="connsiteY137" fmla="*/ 59313 h 157328"/>
              <a:gd name="connsiteX138" fmla="*/ 440992 w 877892"/>
              <a:gd name="connsiteY138" fmla="*/ 77248 h 157328"/>
              <a:gd name="connsiteX139" fmla="*/ 438789 w 877892"/>
              <a:gd name="connsiteY139" fmla="*/ 95341 h 157328"/>
              <a:gd name="connsiteX140" fmla="*/ 432653 w 877892"/>
              <a:gd name="connsiteY140" fmla="*/ 107456 h 157328"/>
              <a:gd name="connsiteX141" fmla="*/ 423528 w 877892"/>
              <a:gd name="connsiteY141" fmla="*/ 114221 h 157328"/>
              <a:gd name="connsiteX142" fmla="*/ 411886 w 877892"/>
              <a:gd name="connsiteY142" fmla="*/ 116423 h 157328"/>
              <a:gd name="connsiteX143" fmla="*/ 402446 w 877892"/>
              <a:gd name="connsiteY143" fmla="*/ 115007 h 157328"/>
              <a:gd name="connsiteX144" fmla="*/ 394422 w 877892"/>
              <a:gd name="connsiteY144" fmla="*/ 110602 h 157328"/>
              <a:gd name="connsiteX145" fmla="*/ 388916 w 877892"/>
              <a:gd name="connsiteY145" fmla="*/ 105725 h 157328"/>
              <a:gd name="connsiteX146" fmla="*/ 385297 w 877892"/>
              <a:gd name="connsiteY146" fmla="*/ 99589 h 157328"/>
              <a:gd name="connsiteX147" fmla="*/ 383252 w 877892"/>
              <a:gd name="connsiteY147" fmla="*/ 91880 h 157328"/>
              <a:gd name="connsiteX148" fmla="*/ 382623 w 877892"/>
              <a:gd name="connsiteY148" fmla="*/ 81654 h 157328"/>
              <a:gd name="connsiteX149" fmla="*/ 382623 w 877892"/>
              <a:gd name="connsiteY149" fmla="*/ 73945 h 157328"/>
              <a:gd name="connsiteX150" fmla="*/ 373026 w 877892"/>
              <a:gd name="connsiteY150" fmla="*/ 122087 h 157328"/>
              <a:gd name="connsiteX151" fmla="*/ 382937 w 877892"/>
              <a:gd name="connsiteY151" fmla="*/ 122087 h 157328"/>
              <a:gd name="connsiteX152" fmla="*/ 382937 w 877892"/>
              <a:gd name="connsiteY152" fmla="*/ 110130 h 157328"/>
              <a:gd name="connsiteX153" fmla="*/ 396468 w 877892"/>
              <a:gd name="connsiteY153" fmla="*/ 121615 h 157328"/>
              <a:gd name="connsiteX154" fmla="*/ 411886 w 877892"/>
              <a:gd name="connsiteY154" fmla="*/ 124919 h 157328"/>
              <a:gd name="connsiteX155" fmla="*/ 428248 w 877892"/>
              <a:gd name="connsiteY155" fmla="*/ 121615 h 157328"/>
              <a:gd name="connsiteX156" fmla="*/ 440677 w 877892"/>
              <a:gd name="connsiteY156" fmla="*/ 112175 h 157328"/>
              <a:gd name="connsiteX157" fmla="*/ 448701 w 877892"/>
              <a:gd name="connsiteY157" fmla="*/ 97229 h 157328"/>
              <a:gd name="connsiteX158" fmla="*/ 451533 w 877892"/>
              <a:gd name="connsiteY158" fmla="*/ 77091 h 157328"/>
              <a:gd name="connsiteX159" fmla="*/ 449173 w 877892"/>
              <a:gd name="connsiteY159" fmla="*/ 58998 h 157328"/>
              <a:gd name="connsiteX160" fmla="*/ 442093 w 877892"/>
              <a:gd name="connsiteY160" fmla="*/ 44524 h 157328"/>
              <a:gd name="connsiteX161" fmla="*/ 430136 w 877892"/>
              <a:gd name="connsiteY161" fmla="*/ 34927 h 157328"/>
              <a:gd name="connsiteX162" fmla="*/ 413302 w 877892"/>
              <a:gd name="connsiteY162" fmla="*/ 31466 h 157328"/>
              <a:gd name="connsiteX163" fmla="*/ 395838 w 877892"/>
              <a:gd name="connsiteY163" fmla="*/ 35714 h 157328"/>
              <a:gd name="connsiteX164" fmla="*/ 382623 w 877892"/>
              <a:gd name="connsiteY164" fmla="*/ 47356 h 157328"/>
              <a:gd name="connsiteX165" fmla="*/ 382623 w 877892"/>
              <a:gd name="connsiteY165" fmla="*/ 157 h 157328"/>
              <a:gd name="connsiteX166" fmla="*/ 372711 w 877892"/>
              <a:gd name="connsiteY166" fmla="*/ 157 h 157328"/>
              <a:gd name="connsiteX167" fmla="*/ 372711 w 877892"/>
              <a:gd name="connsiteY167" fmla="*/ 122087 h 157328"/>
              <a:gd name="connsiteX168" fmla="*/ 223249 w 877892"/>
              <a:gd name="connsiteY168" fmla="*/ 122087 h 157328"/>
              <a:gd name="connsiteX169" fmla="*/ 233161 w 877892"/>
              <a:gd name="connsiteY169" fmla="*/ 122087 h 157328"/>
              <a:gd name="connsiteX170" fmla="*/ 233161 w 877892"/>
              <a:gd name="connsiteY170" fmla="*/ 70011 h 157328"/>
              <a:gd name="connsiteX171" fmla="*/ 234105 w 877892"/>
              <a:gd name="connsiteY171" fmla="*/ 62145 h 157328"/>
              <a:gd name="connsiteX172" fmla="*/ 236465 w 877892"/>
              <a:gd name="connsiteY172" fmla="*/ 56166 h 157328"/>
              <a:gd name="connsiteX173" fmla="*/ 239611 w 877892"/>
              <a:gd name="connsiteY173" fmla="*/ 51761 h 157328"/>
              <a:gd name="connsiteX174" fmla="*/ 242915 w 877892"/>
              <a:gd name="connsiteY174" fmla="*/ 48457 h 157328"/>
              <a:gd name="connsiteX175" fmla="*/ 251883 w 877892"/>
              <a:gd name="connsiteY175" fmla="*/ 42321 h 157328"/>
              <a:gd name="connsiteX176" fmla="*/ 261480 w 877892"/>
              <a:gd name="connsiteY176" fmla="*/ 40119 h 157328"/>
              <a:gd name="connsiteX177" fmla="*/ 275010 w 877892"/>
              <a:gd name="connsiteY177" fmla="*/ 45468 h 157328"/>
              <a:gd name="connsiteX178" fmla="*/ 279415 w 877892"/>
              <a:gd name="connsiteY178" fmla="*/ 63718 h 157328"/>
              <a:gd name="connsiteX179" fmla="*/ 279415 w 877892"/>
              <a:gd name="connsiteY179" fmla="*/ 122087 h 157328"/>
              <a:gd name="connsiteX180" fmla="*/ 289327 w 877892"/>
              <a:gd name="connsiteY180" fmla="*/ 122087 h 157328"/>
              <a:gd name="connsiteX181" fmla="*/ 289327 w 877892"/>
              <a:gd name="connsiteY181" fmla="*/ 65763 h 157328"/>
              <a:gd name="connsiteX182" fmla="*/ 292002 w 877892"/>
              <a:gd name="connsiteY182" fmla="*/ 54908 h 157328"/>
              <a:gd name="connsiteX183" fmla="*/ 298767 w 877892"/>
              <a:gd name="connsiteY183" fmla="*/ 47041 h 157328"/>
              <a:gd name="connsiteX184" fmla="*/ 308364 w 877892"/>
              <a:gd name="connsiteY184" fmla="*/ 41692 h 157328"/>
              <a:gd name="connsiteX185" fmla="*/ 317331 w 877892"/>
              <a:gd name="connsiteY185" fmla="*/ 40276 h 157328"/>
              <a:gd name="connsiteX186" fmla="*/ 325355 w 877892"/>
              <a:gd name="connsiteY186" fmla="*/ 41377 h 157328"/>
              <a:gd name="connsiteX187" fmla="*/ 331019 w 877892"/>
              <a:gd name="connsiteY187" fmla="*/ 45153 h 157328"/>
              <a:gd name="connsiteX188" fmla="*/ 334480 w 877892"/>
              <a:gd name="connsiteY188" fmla="*/ 52390 h 157328"/>
              <a:gd name="connsiteX189" fmla="*/ 335582 w 877892"/>
              <a:gd name="connsiteY189" fmla="*/ 63718 h 157328"/>
              <a:gd name="connsiteX190" fmla="*/ 335582 w 877892"/>
              <a:gd name="connsiteY190" fmla="*/ 122244 h 157328"/>
              <a:gd name="connsiteX191" fmla="*/ 345493 w 877892"/>
              <a:gd name="connsiteY191" fmla="*/ 122244 h 157328"/>
              <a:gd name="connsiteX192" fmla="*/ 345493 w 877892"/>
              <a:gd name="connsiteY192" fmla="*/ 60100 h 157328"/>
              <a:gd name="connsiteX193" fmla="*/ 338256 w 877892"/>
              <a:gd name="connsiteY193" fmla="*/ 38231 h 157328"/>
              <a:gd name="connsiteX194" fmla="*/ 318433 w 877892"/>
              <a:gd name="connsiteY194" fmla="*/ 31308 h 157328"/>
              <a:gd name="connsiteX195" fmla="*/ 301127 w 877892"/>
              <a:gd name="connsiteY195" fmla="*/ 35871 h 157328"/>
              <a:gd name="connsiteX196" fmla="*/ 287124 w 877892"/>
              <a:gd name="connsiteY196" fmla="*/ 48615 h 157328"/>
              <a:gd name="connsiteX197" fmla="*/ 278157 w 877892"/>
              <a:gd name="connsiteY197" fmla="*/ 35871 h 157328"/>
              <a:gd name="connsiteX198" fmla="*/ 261952 w 877892"/>
              <a:gd name="connsiteY198" fmla="*/ 31308 h 157328"/>
              <a:gd name="connsiteX199" fmla="*/ 246848 w 877892"/>
              <a:gd name="connsiteY199" fmla="*/ 35556 h 157328"/>
              <a:gd name="connsiteX200" fmla="*/ 232846 w 877892"/>
              <a:gd name="connsiteY200" fmla="*/ 48615 h 157328"/>
              <a:gd name="connsiteX201" fmla="*/ 232846 w 877892"/>
              <a:gd name="connsiteY201" fmla="*/ 34140 h 157328"/>
              <a:gd name="connsiteX202" fmla="*/ 222934 w 877892"/>
              <a:gd name="connsiteY202" fmla="*/ 34140 h 157328"/>
              <a:gd name="connsiteX203" fmla="*/ 222934 w 877892"/>
              <a:gd name="connsiteY203" fmla="*/ 122087 h 157328"/>
              <a:gd name="connsiteX204" fmla="*/ 174635 w 877892"/>
              <a:gd name="connsiteY204" fmla="*/ 121615 h 157328"/>
              <a:gd name="connsiteX205" fmla="*/ 187850 w 877892"/>
              <a:gd name="connsiteY205" fmla="*/ 112018 h 157328"/>
              <a:gd name="connsiteX206" fmla="*/ 196189 w 877892"/>
              <a:gd name="connsiteY206" fmla="*/ 97072 h 157328"/>
              <a:gd name="connsiteX207" fmla="*/ 199178 w 877892"/>
              <a:gd name="connsiteY207" fmla="*/ 77563 h 157328"/>
              <a:gd name="connsiteX208" fmla="*/ 196346 w 877892"/>
              <a:gd name="connsiteY208" fmla="*/ 58526 h 157328"/>
              <a:gd name="connsiteX209" fmla="*/ 188165 w 877892"/>
              <a:gd name="connsiteY209" fmla="*/ 43895 h 157328"/>
              <a:gd name="connsiteX210" fmla="*/ 175107 w 877892"/>
              <a:gd name="connsiteY210" fmla="*/ 34612 h 157328"/>
              <a:gd name="connsiteX211" fmla="*/ 157800 w 877892"/>
              <a:gd name="connsiteY211" fmla="*/ 31308 h 157328"/>
              <a:gd name="connsiteX212" fmla="*/ 140494 w 877892"/>
              <a:gd name="connsiteY212" fmla="*/ 34612 h 157328"/>
              <a:gd name="connsiteX213" fmla="*/ 127436 w 877892"/>
              <a:gd name="connsiteY213" fmla="*/ 44052 h 157328"/>
              <a:gd name="connsiteX214" fmla="*/ 119098 w 877892"/>
              <a:gd name="connsiteY214" fmla="*/ 58998 h 157328"/>
              <a:gd name="connsiteX215" fmla="*/ 116108 w 877892"/>
              <a:gd name="connsiteY215" fmla="*/ 78507 h 157328"/>
              <a:gd name="connsiteX216" fmla="*/ 118940 w 877892"/>
              <a:gd name="connsiteY216" fmla="*/ 97701 h 157328"/>
              <a:gd name="connsiteX217" fmla="*/ 126964 w 877892"/>
              <a:gd name="connsiteY217" fmla="*/ 112333 h 157328"/>
              <a:gd name="connsiteX218" fmla="*/ 139708 w 877892"/>
              <a:gd name="connsiteY218" fmla="*/ 121615 h 157328"/>
              <a:gd name="connsiteX219" fmla="*/ 157014 w 877892"/>
              <a:gd name="connsiteY219" fmla="*/ 124919 h 157328"/>
              <a:gd name="connsiteX220" fmla="*/ 174635 w 877892"/>
              <a:gd name="connsiteY220" fmla="*/ 121615 h 157328"/>
              <a:gd name="connsiteX221" fmla="*/ 143326 w 877892"/>
              <a:gd name="connsiteY221" fmla="*/ 113277 h 157328"/>
              <a:gd name="connsiteX222" fmla="*/ 133729 w 877892"/>
              <a:gd name="connsiteY222" fmla="*/ 105096 h 157328"/>
              <a:gd name="connsiteX223" fmla="*/ 128380 w 877892"/>
              <a:gd name="connsiteY223" fmla="*/ 92981 h 157328"/>
              <a:gd name="connsiteX224" fmla="*/ 126649 w 877892"/>
              <a:gd name="connsiteY224" fmla="*/ 77878 h 157328"/>
              <a:gd name="connsiteX225" fmla="*/ 128380 w 877892"/>
              <a:gd name="connsiteY225" fmla="*/ 62932 h 157328"/>
              <a:gd name="connsiteX226" fmla="*/ 133729 w 877892"/>
              <a:gd name="connsiteY226" fmla="*/ 50817 h 157328"/>
              <a:gd name="connsiteX227" fmla="*/ 143326 w 877892"/>
              <a:gd name="connsiteY227" fmla="*/ 42636 h 157328"/>
              <a:gd name="connsiteX228" fmla="*/ 157486 w 877892"/>
              <a:gd name="connsiteY228" fmla="*/ 39647 h 157328"/>
              <a:gd name="connsiteX229" fmla="*/ 171645 w 877892"/>
              <a:gd name="connsiteY229" fmla="*/ 42636 h 157328"/>
              <a:gd name="connsiteX230" fmla="*/ 181242 w 877892"/>
              <a:gd name="connsiteY230" fmla="*/ 50817 h 157328"/>
              <a:gd name="connsiteX231" fmla="*/ 186749 w 877892"/>
              <a:gd name="connsiteY231" fmla="*/ 62932 h 157328"/>
              <a:gd name="connsiteX232" fmla="*/ 188479 w 877892"/>
              <a:gd name="connsiteY232" fmla="*/ 77720 h 157328"/>
              <a:gd name="connsiteX233" fmla="*/ 186749 w 877892"/>
              <a:gd name="connsiteY233" fmla="*/ 92981 h 157328"/>
              <a:gd name="connsiteX234" fmla="*/ 181242 w 877892"/>
              <a:gd name="connsiteY234" fmla="*/ 105096 h 157328"/>
              <a:gd name="connsiteX235" fmla="*/ 171645 w 877892"/>
              <a:gd name="connsiteY235" fmla="*/ 113277 h 157328"/>
              <a:gd name="connsiteX236" fmla="*/ 157486 w 877892"/>
              <a:gd name="connsiteY236" fmla="*/ 116266 h 157328"/>
              <a:gd name="connsiteX237" fmla="*/ 143326 w 877892"/>
              <a:gd name="connsiteY237" fmla="*/ 113277 h 157328"/>
              <a:gd name="connsiteX238" fmla="*/ 0 w 877892"/>
              <a:gd name="connsiteY238" fmla="*/ 122087 h 157328"/>
              <a:gd name="connsiteX239" fmla="*/ 10384 w 877892"/>
              <a:gd name="connsiteY239" fmla="*/ 122087 h 157328"/>
              <a:gd name="connsiteX240" fmla="*/ 10384 w 877892"/>
              <a:gd name="connsiteY240" fmla="*/ 63875 h 157328"/>
              <a:gd name="connsiteX241" fmla="*/ 79294 w 877892"/>
              <a:gd name="connsiteY241" fmla="*/ 63875 h 157328"/>
              <a:gd name="connsiteX242" fmla="*/ 79294 w 877892"/>
              <a:gd name="connsiteY242" fmla="*/ 122244 h 157328"/>
              <a:gd name="connsiteX243" fmla="*/ 89677 w 877892"/>
              <a:gd name="connsiteY243" fmla="*/ 122244 h 157328"/>
              <a:gd name="connsiteX244" fmla="*/ 89677 w 877892"/>
              <a:gd name="connsiteY244" fmla="*/ 0 h 157328"/>
              <a:gd name="connsiteX245" fmla="*/ 79294 w 877892"/>
              <a:gd name="connsiteY245" fmla="*/ 0 h 157328"/>
              <a:gd name="connsiteX246" fmla="*/ 79294 w 877892"/>
              <a:gd name="connsiteY246" fmla="*/ 54121 h 157328"/>
              <a:gd name="connsiteX247" fmla="*/ 10384 w 877892"/>
              <a:gd name="connsiteY247" fmla="*/ 54121 h 157328"/>
              <a:gd name="connsiteX248" fmla="*/ 10384 w 877892"/>
              <a:gd name="connsiteY248" fmla="*/ 0 h 157328"/>
              <a:gd name="connsiteX249" fmla="*/ 0 w 877892"/>
              <a:gd name="connsiteY249" fmla="*/ 0 h 157328"/>
              <a:gd name="connsiteX250" fmla="*/ 0 w 877892"/>
              <a:gd name="connsiteY250" fmla="*/ 122087 h 1573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Lst>
            <a:rect l="l" t="t" r="r" b="b"/>
            <a:pathLst>
              <a:path w="877892" h="157328">
                <a:moveTo>
                  <a:pt x="834313" y="122087"/>
                </a:moveTo>
                <a:lnTo>
                  <a:pt x="844224" y="122087"/>
                </a:lnTo>
                <a:lnTo>
                  <a:pt x="844224" y="69067"/>
                </a:lnTo>
                <a:cubicBezTo>
                  <a:pt x="844224" y="64662"/>
                  <a:pt x="845011" y="60729"/>
                  <a:pt x="846742" y="57582"/>
                </a:cubicBezTo>
                <a:cubicBezTo>
                  <a:pt x="848472" y="54278"/>
                  <a:pt x="850675" y="51604"/>
                  <a:pt x="853192" y="49244"/>
                </a:cubicBezTo>
                <a:cubicBezTo>
                  <a:pt x="855867" y="46569"/>
                  <a:pt x="858856" y="44839"/>
                  <a:pt x="861845" y="43737"/>
                </a:cubicBezTo>
                <a:cubicBezTo>
                  <a:pt x="864992" y="42636"/>
                  <a:pt x="867981" y="42164"/>
                  <a:pt x="870970" y="42164"/>
                </a:cubicBezTo>
                <a:cubicBezTo>
                  <a:pt x="872701" y="42164"/>
                  <a:pt x="874589" y="42321"/>
                  <a:pt x="876634" y="42636"/>
                </a:cubicBezTo>
                <a:lnTo>
                  <a:pt x="877893" y="33196"/>
                </a:lnTo>
                <a:cubicBezTo>
                  <a:pt x="876634" y="33039"/>
                  <a:pt x="875533" y="32882"/>
                  <a:pt x="874431" y="32724"/>
                </a:cubicBezTo>
                <a:cubicBezTo>
                  <a:pt x="873330" y="32724"/>
                  <a:pt x="872229" y="32567"/>
                  <a:pt x="870970" y="32567"/>
                </a:cubicBezTo>
                <a:cubicBezTo>
                  <a:pt x="865778" y="32567"/>
                  <a:pt x="861058" y="33983"/>
                  <a:pt x="856496" y="36658"/>
                </a:cubicBezTo>
                <a:cubicBezTo>
                  <a:pt x="851933" y="39332"/>
                  <a:pt x="847843" y="43265"/>
                  <a:pt x="844382" y="48300"/>
                </a:cubicBezTo>
                <a:lnTo>
                  <a:pt x="844382" y="33983"/>
                </a:lnTo>
                <a:lnTo>
                  <a:pt x="834470" y="33983"/>
                </a:lnTo>
                <a:lnTo>
                  <a:pt x="834470" y="122087"/>
                </a:lnTo>
                <a:close/>
                <a:moveTo>
                  <a:pt x="742275" y="72057"/>
                </a:moveTo>
                <a:cubicBezTo>
                  <a:pt x="743377" y="61044"/>
                  <a:pt x="746366" y="52862"/>
                  <a:pt x="751558" y="47356"/>
                </a:cubicBezTo>
                <a:cubicBezTo>
                  <a:pt x="756750" y="42007"/>
                  <a:pt x="763515" y="39332"/>
                  <a:pt x="772011" y="39332"/>
                </a:cubicBezTo>
                <a:cubicBezTo>
                  <a:pt x="776888" y="39332"/>
                  <a:pt x="781136" y="40119"/>
                  <a:pt x="784597" y="41692"/>
                </a:cubicBezTo>
                <a:cubicBezTo>
                  <a:pt x="788058" y="43265"/>
                  <a:pt x="791047" y="45468"/>
                  <a:pt x="793092" y="48457"/>
                </a:cubicBezTo>
                <a:cubicBezTo>
                  <a:pt x="795295" y="51447"/>
                  <a:pt x="796868" y="54750"/>
                  <a:pt x="797812" y="58841"/>
                </a:cubicBezTo>
                <a:cubicBezTo>
                  <a:pt x="798914" y="62774"/>
                  <a:pt x="799386" y="67179"/>
                  <a:pt x="799386" y="72057"/>
                </a:cubicBezTo>
                <a:lnTo>
                  <a:pt x="742275" y="72057"/>
                </a:lnTo>
                <a:close/>
                <a:moveTo>
                  <a:pt x="798756" y="99117"/>
                </a:moveTo>
                <a:cubicBezTo>
                  <a:pt x="798127" y="101792"/>
                  <a:pt x="797183" y="104152"/>
                  <a:pt x="795924" y="106197"/>
                </a:cubicBezTo>
                <a:cubicBezTo>
                  <a:pt x="794666" y="108242"/>
                  <a:pt x="793092" y="110130"/>
                  <a:pt x="791047" y="111703"/>
                </a:cubicBezTo>
                <a:cubicBezTo>
                  <a:pt x="789002" y="113277"/>
                  <a:pt x="786485" y="114535"/>
                  <a:pt x="783338" y="115322"/>
                </a:cubicBezTo>
                <a:cubicBezTo>
                  <a:pt x="780192" y="116109"/>
                  <a:pt x="776416" y="116581"/>
                  <a:pt x="772011" y="116581"/>
                </a:cubicBezTo>
                <a:cubicBezTo>
                  <a:pt x="767133" y="116581"/>
                  <a:pt x="762728" y="115637"/>
                  <a:pt x="758952" y="113749"/>
                </a:cubicBezTo>
                <a:cubicBezTo>
                  <a:pt x="755176" y="111861"/>
                  <a:pt x="752030" y="109344"/>
                  <a:pt x="749513" y="106040"/>
                </a:cubicBezTo>
                <a:cubicBezTo>
                  <a:pt x="746995" y="102736"/>
                  <a:pt x="745107" y="98960"/>
                  <a:pt x="743849" y="94555"/>
                </a:cubicBezTo>
                <a:cubicBezTo>
                  <a:pt x="742590" y="90149"/>
                  <a:pt x="741961" y="85430"/>
                  <a:pt x="741961" y="80395"/>
                </a:cubicBezTo>
                <a:lnTo>
                  <a:pt x="809769" y="80395"/>
                </a:lnTo>
                <a:lnTo>
                  <a:pt x="809769" y="74102"/>
                </a:lnTo>
                <a:cubicBezTo>
                  <a:pt x="809769" y="68123"/>
                  <a:pt x="809140" y="62460"/>
                  <a:pt x="807724" y="57110"/>
                </a:cubicBezTo>
                <a:cubicBezTo>
                  <a:pt x="806308" y="51919"/>
                  <a:pt x="804105" y="47356"/>
                  <a:pt x="801116" y="43580"/>
                </a:cubicBezTo>
                <a:cubicBezTo>
                  <a:pt x="798127" y="39804"/>
                  <a:pt x="794194" y="36815"/>
                  <a:pt x="789474" y="34455"/>
                </a:cubicBezTo>
                <a:cubicBezTo>
                  <a:pt x="784754" y="32252"/>
                  <a:pt x="778933" y="31151"/>
                  <a:pt x="772011" y="31151"/>
                </a:cubicBezTo>
                <a:cubicBezTo>
                  <a:pt x="766189" y="31151"/>
                  <a:pt x="760840" y="32252"/>
                  <a:pt x="755963" y="34298"/>
                </a:cubicBezTo>
                <a:cubicBezTo>
                  <a:pt x="751086" y="36343"/>
                  <a:pt x="746838" y="39332"/>
                  <a:pt x="743377" y="43423"/>
                </a:cubicBezTo>
                <a:cubicBezTo>
                  <a:pt x="739758" y="47513"/>
                  <a:pt x="736926" y="52390"/>
                  <a:pt x="735038" y="58369"/>
                </a:cubicBezTo>
                <a:cubicBezTo>
                  <a:pt x="732993" y="64347"/>
                  <a:pt x="732049" y="71113"/>
                  <a:pt x="732049" y="78822"/>
                </a:cubicBezTo>
                <a:cubicBezTo>
                  <a:pt x="732049" y="93139"/>
                  <a:pt x="735510" y="104309"/>
                  <a:pt x="742590" y="112490"/>
                </a:cubicBezTo>
                <a:cubicBezTo>
                  <a:pt x="749670" y="120671"/>
                  <a:pt x="759424" y="124762"/>
                  <a:pt x="772011" y="124762"/>
                </a:cubicBezTo>
                <a:cubicBezTo>
                  <a:pt x="783024" y="124762"/>
                  <a:pt x="791362" y="122402"/>
                  <a:pt x="797340" y="117525"/>
                </a:cubicBezTo>
                <a:cubicBezTo>
                  <a:pt x="803319" y="112805"/>
                  <a:pt x="806937" y="106512"/>
                  <a:pt x="808353" y="98802"/>
                </a:cubicBezTo>
                <a:lnTo>
                  <a:pt x="798756" y="98802"/>
                </a:lnTo>
                <a:close/>
                <a:moveTo>
                  <a:pt x="697752" y="77878"/>
                </a:moveTo>
                <a:cubicBezTo>
                  <a:pt x="697752" y="84800"/>
                  <a:pt x="696650" y="90621"/>
                  <a:pt x="694605" y="95184"/>
                </a:cubicBezTo>
                <a:cubicBezTo>
                  <a:pt x="692560" y="99746"/>
                  <a:pt x="689413" y="103522"/>
                  <a:pt x="685480" y="106512"/>
                </a:cubicBezTo>
                <a:cubicBezTo>
                  <a:pt x="682491" y="108557"/>
                  <a:pt x="679659" y="109973"/>
                  <a:pt x="677141" y="110759"/>
                </a:cubicBezTo>
                <a:cubicBezTo>
                  <a:pt x="674467" y="111546"/>
                  <a:pt x="671320" y="112018"/>
                  <a:pt x="667544" y="112018"/>
                </a:cubicBezTo>
                <a:cubicBezTo>
                  <a:pt x="664083" y="112018"/>
                  <a:pt x="660779" y="111389"/>
                  <a:pt x="657475" y="110130"/>
                </a:cubicBezTo>
                <a:cubicBezTo>
                  <a:pt x="654172" y="108872"/>
                  <a:pt x="651182" y="106826"/>
                  <a:pt x="648508" y="103994"/>
                </a:cubicBezTo>
                <a:cubicBezTo>
                  <a:pt x="645833" y="101162"/>
                  <a:pt x="643788" y="97544"/>
                  <a:pt x="642057" y="92981"/>
                </a:cubicBezTo>
                <a:cubicBezTo>
                  <a:pt x="640327" y="88419"/>
                  <a:pt x="639540" y="82912"/>
                  <a:pt x="639540" y="76304"/>
                </a:cubicBezTo>
                <a:cubicBezTo>
                  <a:pt x="639540" y="69854"/>
                  <a:pt x="640327" y="64190"/>
                  <a:pt x="641743" y="59628"/>
                </a:cubicBezTo>
                <a:cubicBezTo>
                  <a:pt x="643159" y="55065"/>
                  <a:pt x="645204" y="51289"/>
                  <a:pt x="647878" y="48300"/>
                </a:cubicBezTo>
                <a:cubicBezTo>
                  <a:pt x="650553" y="45311"/>
                  <a:pt x="653542" y="43108"/>
                  <a:pt x="657161" y="41849"/>
                </a:cubicBezTo>
                <a:cubicBezTo>
                  <a:pt x="660622" y="40434"/>
                  <a:pt x="664555" y="39804"/>
                  <a:pt x="668803" y="39804"/>
                </a:cubicBezTo>
                <a:cubicBezTo>
                  <a:pt x="672264" y="39804"/>
                  <a:pt x="675254" y="40276"/>
                  <a:pt x="677928" y="41220"/>
                </a:cubicBezTo>
                <a:cubicBezTo>
                  <a:pt x="680603" y="42164"/>
                  <a:pt x="683277" y="43580"/>
                  <a:pt x="686109" y="45625"/>
                </a:cubicBezTo>
                <a:cubicBezTo>
                  <a:pt x="688154" y="47199"/>
                  <a:pt x="689885" y="48929"/>
                  <a:pt x="691458" y="50503"/>
                </a:cubicBezTo>
                <a:cubicBezTo>
                  <a:pt x="692874" y="52233"/>
                  <a:pt x="694133" y="54121"/>
                  <a:pt x="695077" y="56481"/>
                </a:cubicBezTo>
                <a:cubicBezTo>
                  <a:pt x="696021" y="58684"/>
                  <a:pt x="696650" y="61201"/>
                  <a:pt x="697122" y="64190"/>
                </a:cubicBezTo>
                <a:cubicBezTo>
                  <a:pt x="697594" y="67179"/>
                  <a:pt x="697752" y="70483"/>
                  <a:pt x="697752" y="74574"/>
                </a:cubicBezTo>
                <a:lnTo>
                  <a:pt x="697752" y="77878"/>
                </a:lnTo>
                <a:close/>
                <a:moveTo>
                  <a:pt x="632303" y="131684"/>
                </a:moveTo>
                <a:cubicBezTo>
                  <a:pt x="632932" y="136404"/>
                  <a:pt x="634191" y="140337"/>
                  <a:pt x="636236" y="143641"/>
                </a:cubicBezTo>
                <a:cubicBezTo>
                  <a:pt x="638281" y="146945"/>
                  <a:pt x="640956" y="149462"/>
                  <a:pt x="644260" y="151508"/>
                </a:cubicBezTo>
                <a:cubicBezTo>
                  <a:pt x="647564" y="153553"/>
                  <a:pt x="651340" y="154969"/>
                  <a:pt x="655588" y="155913"/>
                </a:cubicBezTo>
                <a:cubicBezTo>
                  <a:pt x="659835" y="156857"/>
                  <a:pt x="664555" y="157329"/>
                  <a:pt x="669590" y="157329"/>
                </a:cubicBezTo>
                <a:cubicBezTo>
                  <a:pt x="682648" y="157329"/>
                  <a:pt x="692245" y="153868"/>
                  <a:pt x="698381" y="147102"/>
                </a:cubicBezTo>
                <a:cubicBezTo>
                  <a:pt x="704517" y="140337"/>
                  <a:pt x="707506" y="130898"/>
                  <a:pt x="707506" y="119098"/>
                </a:cubicBezTo>
                <a:lnTo>
                  <a:pt x="707506" y="33983"/>
                </a:lnTo>
                <a:lnTo>
                  <a:pt x="697594" y="33983"/>
                </a:lnTo>
                <a:lnTo>
                  <a:pt x="697594" y="46097"/>
                </a:lnTo>
                <a:cubicBezTo>
                  <a:pt x="693346" y="40434"/>
                  <a:pt x="688784" y="36658"/>
                  <a:pt x="683749" y="34612"/>
                </a:cubicBezTo>
                <a:cubicBezTo>
                  <a:pt x="678715" y="32567"/>
                  <a:pt x="673838" y="31466"/>
                  <a:pt x="668803" y="31466"/>
                </a:cubicBezTo>
                <a:cubicBezTo>
                  <a:pt x="662667" y="31466"/>
                  <a:pt x="657161" y="32567"/>
                  <a:pt x="652126" y="34770"/>
                </a:cubicBezTo>
                <a:cubicBezTo>
                  <a:pt x="647249" y="36972"/>
                  <a:pt x="643001" y="39962"/>
                  <a:pt x="639697" y="43895"/>
                </a:cubicBezTo>
                <a:cubicBezTo>
                  <a:pt x="636236" y="47828"/>
                  <a:pt x="633719" y="52548"/>
                  <a:pt x="631831" y="58212"/>
                </a:cubicBezTo>
                <a:cubicBezTo>
                  <a:pt x="629943" y="63875"/>
                  <a:pt x="629156" y="70011"/>
                  <a:pt x="629156" y="76934"/>
                </a:cubicBezTo>
                <a:cubicBezTo>
                  <a:pt x="629156" y="82598"/>
                  <a:pt x="629943" y="88104"/>
                  <a:pt x="631359" y="93453"/>
                </a:cubicBezTo>
                <a:cubicBezTo>
                  <a:pt x="632775" y="98802"/>
                  <a:pt x="635135" y="103522"/>
                  <a:pt x="638124" y="107613"/>
                </a:cubicBezTo>
                <a:cubicBezTo>
                  <a:pt x="641271" y="111703"/>
                  <a:pt x="645204" y="115007"/>
                  <a:pt x="649924" y="117525"/>
                </a:cubicBezTo>
                <a:cubicBezTo>
                  <a:pt x="654644" y="120042"/>
                  <a:pt x="660307" y="121143"/>
                  <a:pt x="666915" y="121143"/>
                </a:cubicBezTo>
                <a:cubicBezTo>
                  <a:pt x="673680" y="121143"/>
                  <a:pt x="679659" y="119727"/>
                  <a:pt x="684693" y="116895"/>
                </a:cubicBezTo>
                <a:cubicBezTo>
                  <a:pt x="689570" y="114063"/>
                  <a:pt x="693976" y="110130"/>
                  <a:pt x="697594" y="104938"/>
                </a:cubicBezTo>
                <a:lnTo>
                  <a:pt x="697594" y="118154"/>
                </a:lnTo>
                <a:cubicBezTo>
                  <a:pt x="697594" y="129324"/>
                  <a:pt x="695392" y="137348"/>
                  <a:pt x="690829" y="142068"/>
                </a:cubicBezTo>
                <a:cubicBezTo>
                  <a:pt x="686267" y="146788"/>
                  <a:pt x="679187" y="149148"/>
                  <a:pt x="669432" y="149148"/>
                </a:cubicBezTo>
                <a:cubicBezTo>
                  <a:pt x="660779" y="149148"/>
                  <a:pt x="654329" y="147732"/>
                  <a:pt x="650081" y="144900"/>
                </a:cubicBezTo>
                <a:cubicBezTo>
                  <a:pt x="645833" y="142068"/>
                  <a:pt x="643159" y="137820"/>
                  <a:pt x="641900" y="131999"/>
                </a:cubicBezTo>
                <a:lnTo>
                  <a:pt x="632303" y="131999"/>
                </a:lnTo>
                <a:close/>
                <a:moveTo>
                  <a:pt x="573462" y="122087"/>
                </a:moveTo>
                <a:lnTo>
                  <a:pt x="583374" y="122087"/>
                </a:lnTo>
                <a:lnTo>
                  <a:pt x="583374" y="69067"/>
                </a:lnTo>
                <a:cubicBezTo>
                  <a:pt x="583374" y="64662"/>
                  <a:pt x="584160" y="60729"/>
                  <a:pt x="585891" y="57582"/>
                </a:cubicBezTo>
                <a:cubicBezTo>
                  <a:pt x="587622" y="54278"/>
                  <a:pt x="589824" y="51604"/>
                  <a:pt x="592341" y="49244"/>
                </a:cubicBezTo>
                <a:cubicBezTo>
                  <a:pt x="595016" y="46569"/>
                  <a:pt x="598005" y="44839"/>
                  <a:pt x="600995" y="43737"/>
                </a:cubicBezTo>
                <a:cubicBezTo>
                  <a:pt x="604141" y="42636"/>
                  <a:pt x="607130" y="42164"/>
                  <a:pt x="610120" y="42164"/>
                </a:cubicBezTo>
                <a:cubicBezTo>
                  <a:pt x="611850" y="42164"/>
                  <a:pt x="613738" y="42321"/>
                  <a:pt x="615783" y="42636"/>
                </a:cubicBezTo>
                <a:lnTo>
                  <a:pt x="617042" y="33196"/>
                </a:lnTo>
                <a:cubicBezTo>
                  <a:pt x="615783" y="33039"/>
                  <a:pt x="614682" y="32882"/>
                  <a:pt x="613581" y="32724"/>
                </a:cubicBezTo>
                <a:cubicBezTo>
                  <a:pt x="612479" y="32724"/>
                  <a:pt x="611378" y="32567"/>
                  <a:pt x="610120" y="32567"/>
                </a:cubicBezTo>
                <a:cubicBezTo>
                  <a:pt x="604928" y="32567"/>
                  <a:pt x="600208" y="33983"/>
                  <a:pt x="595645" y="36658"/>
                </a:cubicBezTo>
                <a:cubicBezTo>
                  <a:pt x="591083" y="39332"/>
                  <a:pt x="586992" y="43265"/>
                  <a:pt x="583531" y="48300"/>
                </a:cubicBezTo>
                <a:lnTo>
                  <a:pt x="583531" y="33983"/>
                </a:lnTo>
                <a:lnTo>
                  <a:pt x="573619" y="33983"/>
                </a:lnTo>
                <a:lnTo>
                  <a:pt x="573619" y="122087"/>
                </a:lnTo>
                <a:close/>
                <a:moveTo>
                  <a:pt x="475604" y="92667"/>
                </a:moveTo>
                <a:cubicBezTo>
                  <a:pt x="475604" y="103208"/>
                  <a:pt x="477806" y="111074"/>
                  <a:pt x="482054" y="116581"/>
                </a:cubicBezTo>
                <a:cubicBezTo>
                  <a:pt x="486459" y="122087"/>
                  <a:pt x="493539" y="124762"/>
                  <a:pt x="503608" y="124762"/>
                </a:cubicBezTo>
                <a:cubicBezTo>
                  <a:pt x="515723" y="124762"/>
                  <a:pt x="526421" y="119098"/>
                  <a:pt x="535546" y="107613"/>
                </a:cubicBezTo>
                <a:lnTo>
                  <a:pt x="535546" y="121930"/>
                </a:lnTo>
                <a:lnTo>
                  <a:pt x="545458" y="121930"/>
                </a:lnTo>
                <a:lnTo>
                  <a:pt x="545458" y="33826"/>
                </a:lnTo>
                <a:lnTo>
                  <a:pt x="535546" y="33826"/>
                </a:lnTo>
                <a:lnTo>
                  <a:pt x="535546" y="85430"/>
                </a:lnTo>
                <a:cubicBezTo>
                  <a:pt x="535546" y="90936"/>
                  <a:pt x="534759" y="95184"/>
                  <a:pt x="533029" y="98330"/>
                </a:cubicBezTo>
                <a:cubicBezTo>
                  <a:pt x="531298" y="101477"/>
                  <a:pt x="528781" y="104466"/>
                  <a:pt x="525477" y="107456"/>
                </a:cubicBezTo>
                <a:cubicBezTo>
                  <a:pt x="522330" y="110130"/>
                  <a:pt x="518869" y="112175"/>
                  <a:pt x="515408" y="113591"/>
                </a:cubicBezTo>
                <a:cubicBezTo>
                  <a:pt x="511947" y="115007"/>
                  <a:pt x="508328" y="115637"/>
                  <a:pt x="504867" y="115637"/>
                </a:cubicBezTo>
                <a:cubicBezTo>
                  <a:pt x="497787" y="115637"/>
                  <a:pt x="492753" y="113591"/>
                  <a:pt x="489921" y="109501"/>
                </a:cubicBezTo>
                <a:cubicBezTo>
                  <a:pt x="486931" y="105410"/>
                  <a:pt x="485515" y="98802"/>
                  <a:pt x="485515" y="89520"/>
                </a:cubicBezTo>
                <a:lnTo>
                  <a:pt x="485515" y="33983"/>
                </a:lnTo>
                <a:lnTo>
                  <a:pt x="475604" y="33983"/>
                </a:lnTo>
                <a:lnTo>
                  <a:pt x="475604" y="92667"/>
                </a:lnTo>
                <a:close/>
                <a:moveTo>
                  <a:pt x="382623" y="73945"/>
                </a:moveTo>
                <a:cubicBezTo>
                  <a:pt x="382623" y="67022"/>
                  <a:pt x="383724" y="61201"/>
                  <a:pt x="385927" y="56796"/>
                </a:cubicBezTo>
                <a:cubicBezTo>
                  <a:pt x="388129" y="52233"/>
                  <a:pt x="391276" y="48615"/>
                  <a:pt x="395209" y="45625"/>
                </a:cubicBezTo>
                <a:cubicBezTo>
                  <a:pt x="398041" y="43423"/>
                  <a:pt x="400873" y="42007"/>
                  <a:pt x="403705" y="41220"/>
                </a:cubicBezTo>
                <a:cubicBezTo>
                  <a:pt x="406537" y="40434"/>
                  <a:pt x="409683" y="39962"/>
                  <a:pt x="413302" y="39962"/>
                </a:cubicBezTo>
                <a:cubicBezTo>
                  <a:pt x="416448" y="39962"/>
                  <a:pt x="419752" y="40591"/>
                  <a:pt x="423056" y="41692"/>
                </a:cubicBezTo>
                <a:cubicBezTo>
                  <a:pt x="426360" y="42951"/>
                  <a:pt x="429349" y="44996"/>
                  <a:pt x="432024" y="47828"/>
                </a:cubicBezTo>
                <a:cubicBezTo>
                  <a:pt x="434698" y="50660"/>
                  <a:pt x="436744" y="54593"/>
                  <a:pt x="438474" y="59313"/>
                </a:cubicBezTo>
                <a:cubicBezTo>
                  <a:pt x="440205" y="64033"/>
                  <a:pt x="440992" y="70011"/>
                  <a:pt x="440992" y="77248"/>
                </a:cubicBezTo>
                <a:cubicBezTo>
                  <a:pt x="440992" y="84328"/>
                  <a:pt x="440205" y="90307"/>
                  <a:pt x="438789" y="95341"/>
                </a:cubicBezTo>
                <a:cubicBezTo>
                  <a:pt x="437373" y="100376"/>
                  <a:pt x="435328" y="104309"/>
                  <a:pt x="432653" y="107456"/>
                </a:cubicBezTo>
                <a:cubicBezTo>
                  <a:pt x="430136" y="110602"/>
                  <a:pt x="426989" y="112805"/>
                  <a:pt x="423528" y="114221"/>
                </a:cubicBezTo>
                <a:cubicBezTo>
                  <a:pt x="420067" y="115637"/>
                  <a:pt x="416134" y="116423"/>
                  <a:pt x="411886" y="116423"/>
                </a:cubicBezTo>
                <a:cubicBezTo>
                  <a:pt x="408425" y="116423"/>
                  <a:pt x="405278" y="115951"/>
                  <a:pt x="402446" y="115007"/>
                </a:cubicBezTo>
                <a:cubicBezTo>
                  <a:pt x="399771" y="114063"/>
                  <a:pt x="397097" y="112647"/>
                  <a:pt x="394422" y="110602"/>
                </a:cubicBezTo>
                <a:cubicBezTo>
                  <a:pt x="392220" y="109186"/>
                  <a:pt x="390489" y="107456"/>
                  <a:pt x="388916" y="105725"/>
                </a:cubicBezTo>
                <a:cubicBezTo>
                  <a:pt x="387500" y="103994"/>
                  <a:pt x="386241" y="101949"/>
                  <a:pt x="385297" y="99589"/>
                </a:cubicBezTo>
                <a:cubicBezTo>
                  <a:pt x="384353" y="97387"/>
                  <a:pt x="383724" y="94712"/>
                  <a:pt x="383252" y="91880"/>
                </a:cubicBezTo>
                <a:cubicBezTo>
                  <a:pt x="382780" y="88891"/>
                  <a:pt x="382623" y="85587"/>
                  <a:pt x="382623" y="81654"/>
                </a:cubicBezTo>
                <a:lnTo>
                  <a:pt x="382623" y="73945"/>
                </a:lnTo>
                <a:close/>
                <a:moveTo>
                  <a:pt x="373026" y="122087"/>
                </a:moveTo>
                <a:lnTo>
                  <a:pt x="382937" y="122087"/>
                </a:lnTo>
                <a:lnTo>
                  <a:pt x="382937" y="110130"/>
                </a:lnTo>
                <a:cubicBezTo>
                  <a:pt x="387028" y="115637"/>
                  <a:pt x="391590" y="119413"/>
                  <a:pt x="396468" y="121615"/>
                </a:cubicBezTo>
                <a:cubicBezTo>
                  <a:pt x="401502" y="123818"/>
                  <a:pt x="406537" y="124919"/>
                  <a:pt x="411886" y="124919"/>
                </a:cubicBezTo>
                <a:cubicBezTo>
                  <a:pt x="417864" y="124919"/>
                  <a:pt x="423371" y="123818"/>
                  <a:pt x="428248" y="121615"/>
                </a:cubicBezTo>
                <a:cubicBezTo>
                  <a:pt x="433125" y="119413"/>
                  <a:pt x="437216" y="116266"/>
                  <a:pt x="440677" y="112175"/>
                </a:cubicBezTo>
                <a:cubicBezTo>
                  <a:pt x="444138" y="108085"/>
                  <a:pt x="446813" y="103050"/>
                  <a:pt x="448701" y="97229"/>
                </a:cubicBezTo>
                <a:cubicBezTo>
                  <a:pt x="450589" y="91408"/>
                  <a:pt x="451533" y="84643"/>
                  <a:pt x="451533" y="77091"/>
                </a:cubicBezTo>
                <a:cubicBezTo>
                  <a:pt x="451533" y="70641"/>
                  <a:pt x="450746" y="64505"/>
                  <a:pt x="449173" y="58998"/>
                </a:cubicBezTo>
                <a:cubicBezTo>
                  <a:pt x="447599" y="53334"/>
                  <a:pt x="445239" y="48615"/>
                  <a:pt x="442093" y="44524"/>
                </a:cubicBezTo>
                <a:cubicBezTo>
                  <a:pt x="438946" y="40434"/>
                  <a:pt x="435013" y="37130"/>
                  <a:pt x="430136" y="34927"/>
                </a:cubicBezTo>
                <a:cubicBezTo>
                  <a:pt x="425416" y="32567"/>
                  <a:pt x="419752" y="31466"/>
                  <a:pt x="413302" y="31466"/>
                </a:cubicBezTo>
                <a:cubicBezTo>
                  <a:pt x="406537" y="31466"/>
                  <a:pt x="400715" y="32882"/>
                  <a:pt x="395838" y="35714"/>
                </a:cubicBezTo>
                <a:cubicBezTo>
                  <a:pt x="391118" y="38546"/>
                  <a:pt x="386713" y="42479"/>
                  <a:pt x="382623" y="47356"/>
                </a:cubicBezTo>
                <a:lnTo>
                  <a:pt x="382623" y="157"/>
                </a:lnTo>
                <a:lnTo>
                  <a:pt x="372711" y="157"/>
                </a:lnTo>
                <a:lnTo>
                  <a:pt x="372711" y="122087"/>
                </a:lnTo>
                <a:close/>
                <a:moveTo>
                  <a:pt x="223249" y="122087"/>
                </a:moveTo>
                <a:lnTo>
                  <a:pt x="233161" y="122087"/>
                </a:lnTo>
                <a:lnTo>
                  <a:pt x="233161" y="70011"/>
                </a:lnTo>
                <a:cubicBezTo>
                  <a:pt x="233161" y="67022"/>
                  <a:pt x="233475" y="64347"/>
                  <a:pt x="234105" y="62145"/>
                </a:cubicBezTo>
                <a:cubicBezTo>
                  <a:pt x="234734" y="59942"/>
                  <a:pt x="235521" y="57897"/>
                  <a:pt x="236465" y="56166"/>
                </a:cubicBezTo>
                <a:cubicBezTo>
                  <a:pt x="237409" y="54436"/>
                  <a:pt x="238510" y="53020"/>
                  <a:pt x="239611" y="51761"/>
                </a:cubicBezTo>
                <a:cubicBezTo>
                  <a:pt x="240870" y="50503"/>
                  <a:pt x="241971" y="49401"/>
                  <a:pt x="242915" y="48457"/>
                </a:cubicBezTo>
                <a:cubicBezTo>
                  <a:pt x="245904" y="45783"/>
                  <a:pt x="248894" y="43737"/>
                  <a:pt x="251883" y="42321"/>
                </a:cubicBezTo>
                <a:cubicBezTo>
                  <a:pt x="254872" y="40905"/>
                  <a:pt x="258176" y="40119"/>
                  <a:pt x="261480" y="40119"/>
                </a:cubicBezTo>
                <a:cubicBezTo>
                  <a:pt x="267458" y="40119"/>
                  <a:pt x="272021" y="41849"/>
                  <a:pt x="275010" y="45468"/>
                </a:cubicBezTo>
                <a:cubicBezTo>
                  <a:pt x="277999" y="49087"/>
                  <a:pt x="279415" y="55065"/>
                  <a:pt x="279415" y="63718"/>
                </a:cubicBezTo>
                <a:lnTo>
                  <a:pt x="279415" y="122087"/>
                </a:lnTo>
                <a:lnTo>
                  <a:pt x="289327" y="122087"/>
                </a:lnTo>
                <a:lnTo>
                  <a:pt x="289327" y="65763"/>
                </a:lnTo>
                <a:cubicBezTo>
                  <a:pt x="289327" y="61673"/>
                  <a:pt x="290271" y="58054"/>
                  <a:pt x="292002" y="54908"/>
                </a:cubicBezTo>
                <a:cubicBezTo>
                  <a:pt x="293732" y="51761"/>
                  <a:pt x="296092" y="49244"/>
                  <a:pt x="298767" y="47041"/>
                </a:cubicBezTo>
                <a:cubicBezTo>
                  <a:pt x="301913" y="44367"/>
                  <a:pt x="305060" y="42636"/>
                  <a:pt x="308364" y="41692"/>
                </a:cubicBezTo>
                <a:cubicBezTo>
                  <a:pt x="311668" y="40748"/>
                  <a:pt x="314657" y="40276"/>
                  <a:pt x="317331" y="40276"/>
                </a:cubicBezTo>
                <a:cubicBezTo>
                  <a:pt x="320478" y="40276"/>
                  <a:pt x="323153" y="40591"/>
                  <a:pt x="325355" y="41377"/>
                </a:cubicBezTo>
                <a:cubicBezTo>
                  <a:pt x="327558" y="42164"/>
                  <a:pt x="329603" y="43423"/>
                  <a:pt x="331019" y="45153"/>
                </a:cubicBezTo>
                <a:cubicBezTo>
                  <a:pt x="332592" y="47041"/>
                  <a:pt x="333694" y="49401"/>
                  <a:pt x="334480" y="52390"/>
                </a:cubicBezTo>
                <a:cubicBezTo>
                  <a:pt x="335267" y="55380"/>
                  <a:pt x="335582" y="59156"/>
                  <a:pt x="335582" y="63718"/>
                </a:cubicBezTo>
                <a:lnTo>
                  <a:pt x="335582" y="122244"/>
                </a:lnTo>
                <a:lnTo>
                  <a:pt x="345493" y="122244"/>
                </a:lnTo>
                <a:lnTo>
                  <a:pt x="345493" y="60100"/>
                </a:lnTo>
                <a:cubicBezTo>
                  <a:pt x="345493" y="50031"/>
                  <a:pt x="343133" y="42793"/>
                  <a:pt x="338256" y="38231"/>
                </a:cubicBezTo>
                <a:cubicBezTo>
                  <a:pt x="333536" y="33668"/>
                  <a:pt x="326771" y="31308"/>
                  <a:pt x="318433" y="31308"/>
                </a:cubicBezTo>
                <a:cubicBezTo>
                  <a:pt x="312297" y="31308"/>
                  <a:pt x="306476" y="32882"/>
                  <a:pt x="301127" y="35871"/>
                </a:cubicBezTo>
                <a:cubicBezTo>
                  <a:pt x="295777" y="38860"/>
                  <a:pt x="291058" y="43108"/>
                  <a:pt x="287124" y="48615"/>
                </a:cubicBezTo>
                <a:cubicBezTo>
                  <a:pt x="285236" y="43108"/>
                  <a:pt x="282247" y="38860"/>
                  <a:pt x="278157" y="35871"/>
                </a:cubicBezTo>
                <a:cubicBezTo>
                  <a:pt x="274066" y="32882"/>
                  <a:pt x="268717" y="31308"/>
                  <a:pt x="261952" y="31308"/>
                </a:cubicBezTo>
                <a:cubicBezTo>
                  <a:pt x="256760" y="31308"/>
                  <a:pt x="251725" y="32724"/>
                  <a:pt x="246848" y="35556"/>
                </a:cubicBezTo>
                <a:cubicBezTo>
                  <a:pt x="241814" y="38388"/>
                  <a:pt x="237251" y="42793"/>
                  <a:pt x="232846" y="48615"/>
                </a:cubicBezTo>
                <a:lnTo>
                  <a:pt x="232846" y="34140"/>
                </a:lnTo>
                <a:lnTo>
                  <a:pt x="222934" y="34140"/>
                </a:lnTo>
                <a:lnTo>
                  <a:pt x="222934" y="122087"/>
                </a:lnTo>
                <a:close/>
                <a:moveTo>
                  <a:pt x="174635" y="121615"/>
                </a:moveTo>
                <a:cubicBezTo>
                  <a:pt x="179826" y="119413"/>
                  <a:pt x="184232" y="116266"/>
                  <a:pt x="187850" y="112018"/>
                </a:cubicBezTo>
                <a:cubicBezTo>
                  <a:pt x="191469" y="107928"/>
                  <a:pt x="194143" y="102893"/>
                  <a:pt x="196189" y="97072"/>
                </a:cubicBezTo>
                <a:cubicBezTo>
                  <a:pt x="198076" y="91251"/>
                  <a:pt x="199178" y="84800"/>
                  <a:pt x="199178" y="77563"/>
                </a:cubicBezTo>
                <a:cubicBezTo>
                  <a:pt x="199178" y="70641"/>
                  <a:pt x="198234" y="64347"/>
                  <a:pt x="196346" y="58526"/>
                </a:cubicBezTo>
                <a:cubicBezTo>
                  <a:pt x="194458" y="52862"/>
                  <a:pt x="191783" y="47985"/>
                  <a:pt x="188165" y="43895"/>
                </a:cubicBezTo>
                <a:cubicBezTo>
                  <a:pt x="184704" y="39804"/>
                  <a:pt x="180298" y="36815"/>
                  <a:pt x="175107" y="34612"/>
                </a:cubicBezTo>
                <a:cubicBezTo>
                  <a:pt x="169915" y="32410"/>
                  <a:pt x="164251" y="31308"/>
                  <a:pt x="157800" y="31308"/>
                </a:cubicBezTo>
                <a:cubicBezTo>
                  <a:pt x="151350" y="31308"/>
                  <a:pt x="145686" y="32410"/>
                  <a:pt x="140494" y="34612"/>
                </a:cubicBezTo>
                <a:cubicBezTo>
                  <a:pt x="135302" y="36815"/>
                  <a:pt x="131055" y="39962"/>
                  <a:pt x="127436" y="44052"/>
                </a:cubicBezTo>
                <a:cubicBezTo>
                  <a:pt x="123817" y="48143"/>
                  <a:pt x="120986" y="53177"/>
                  <a:pt x="119098" y="58998"/>
                </a:cubicBezTo>
                <a:cubicBezTo>
                  <a:pt x="117052" y="64819"/>
                  <a:pt x="116108" y="71270"/>
                  <a:pt x="116108" y="78507"/>
                </a:cubicBezTo>
                <a:cubicBezTo>
                  <a:pt x="116108" y="85587"/>
                  <a:pt x="117052" y="92037"/>
                  <a:pt x="118940" y="97701"/>
                </a:cubicBezTo>
                <a:cubicBezTo>
                  <a:pt x="120828" y="103365"/>
                  <a:pt x="123503" y="108242"/>
                  <a:pt x="126964" y="112333"/>
                </a:cubicBezTo>
                <a:cubicBezTo>
                  <a:pt x="130425" y="116423"/>
                  <a:pt x="134673" y="119570"/>
                  <a:pt x="139708" y="121615"/>
                </a:cubicBezTo>
                <a:cubicBezTo>
                  <a:pt x="144742" y="123818"/>
                  <a:pt x="150563" y="124919"/>
                  <a:pt x="157014" y="124919"/>
                </a:cubicBezTo>
                <a:cubicBezTo>
                  <a:pt x="163622" y="124919"/>
                  <a:pt x="169443" y="123818"/>
                  <a:pt x="174635" y="121615"/>
                </a:cubicBezTo>
                <a:moveTo>
                  <a:pt x="143326" y="113277"/>
                </a:moveTo>
                <a:cubicBezTo>
                  <a:pt x="139393" y="111231"/>
                  <a:pt x="136246" y="108557"/>
                  <a:pt x="133729" y="105096"/>
                </a:cubicBezTo>
                <a:cubicBezTo>
                  <a:pt x="131212" y="101634"/>
                  <a:pt x="129481" y="97701"/>
                  <a:pt x="128380" y="92981"/>
                </a:cubicBezTo>
                <a:cubicBezTo>
                  <a:pt x="127279" y="88261"/>
                  <a:pt x="126649" y="83227"/>
                  <a:pt x="126649" y="77878"/>
                </a:cubicBezTo>
                <a:cubicBezTo>
                  <a:pt x="126649" y="72529"/>
                  <a:pt x="127279" y="67494"/>
                  <a:pt x="128380" y="62932"/>
                </a:cubicBezTo>
                <a:cubicBezTo>
                  <a:pt x="129481" y="58369"/>
                  <a:pt x="131369" y="54278"/>
                  <a:pt x="133729" y="50817"/>
                </a:cubicBezTo>
                <a:cubicBezTo>
                  <a:pt x="136246" y="47356"/>
                  <a:pt x="139393" y="44681"/>
                  <a:pt x="143326" y="42636"/>
                </a:cubicBezTo>
                <a:cubicBezTo>
                  <a:pt x="147259" y="40591"/>
                  <a:pt x="151979" y="39647"/>
                  <a:pt x="157486" y="39647"/>
                </a:cubicBezTo>
                <a:cubicBezTo>
                  <a:pt x="163150" y="39647"/>
                  <a:pt x="167869" y="40591"/>
                  <a:pt x="171645" y="42636"/>
                </a:cubicBezTo>
                <a:cubicBezTo>
                  <a:pt x="175579" y="44681"/>
                  <a:pt x="178725" y="47356"/>
                  <a:pt x="181242" y="50817"/>
                </a:cubicBezTo>
                <a:cubicBezTo>
                  <a:pt x="183760" y="54278"/>
                  <a:pt x="185490" y="58212"/>
                  <a:pt x="186749" y="62932"/>
                </a:cubicBezTo>
                <a:cubicBezTo>
                  <a:pt x="187850" y="67494"/>
                  <a:pt x="188479" y="72529"/>
                  <a:pt x="188479" y="77720"/>
                </a:cubicBezTo>
                <a:cubicBezTo>
                  <a:pt x="188479" y="83227"/>
                  <a:pt x="187850" y="88261"/>
                  <a:pt x="186749" y="92981"/>
                </a:cubicBezTo>
                <a:cubicBezTo>
                  <a:pt x="185648" y="97701"/>
                  <a:pt x="183760" y="101634"/>
                  <a:pt x="181242" y="105096"/>
                </a:cubicBezTo>
                <a:cubicBezTo>
                  <a:pt x="178725" y="108557"/>
                  <a:pt x="175579" y="111231"/>
                  <a:pt x="171645" y="113277"/>
                </a:cubicBezTo>
                <a:cubicBezTo>
                  <a:pt x="167712" y="115322"/>
                  <a:pt x="162992" y="116266"/>
                  <a:pt x="157486" y="116266"/>
                </a:cubicBezTo>
                <a:cubicBezTo>
                  <a:pt x="151979" y="116266"/>
                  <a:pt x="147259" y="115322"/>
                  <a:pt x="143326" y="113277"/>
                </a:cubicBezTo>
                <a:moveTo>
                  <a:pt x="0" y="122087"/>
                </a:moveTo>
                <a:lnTo>
                  <a:pt x="10384" y="122087"/>
                </a:lnTo>
                <a:lnTo>
                  <a:pt x="10384" y="63875"/>
                </a:lnTo>
                <a:lnTo>
                  <a:pt x="79294" y="63875"/>
                </a:lnTo>
                <a:lnTo>
                  <a:pt x="79294" y="122244"/>
                </a:lnTo>
                <a:lnTo>
                  <a:pt x="89677" y="122244"/>
                </a:lnTo>
                <a:lnTo>
                  <a:pt x="89677" y="0"/>
                </a:lnTo>
                <a:lnTo>
                  <a:pt x="79294" y="0"/>
                </a:lnTo>
                <a:lnTo>
                  <a:pt x="79294" y="54121"/>
                </a:lnTo>
                <a:lnTo>
                  <a:pt x="10384" y="54121"/>
                </a:lnTo>
                <a:lnTo>
                  <a:pt x="10384" y="0"/>
                </a:lnTo>
                <a:lnTo>
                  <a:pt x="0" y="0"/>
                </a:lnTo>
                <a:lnTo>
                  <a:pt x="0" y="122087"/>
                </a:lnTo>
                <a:close/>
              </a:path>
            </a:pathLst>
          </a:custGeom>
          <a:solidFill>
            <a:srgbClr val="969696"/>
          </a:solidFill>
          <a:ln w="1569" cap="flat">
            <a:noFill/>
            <a:prstDash val="solid"/>
            <a:miter/>
          </a:ln>
        </p:spPr>
        <p:txBody>
          <a:bodyPr rtlCol="0" anchor="ctr"/>
          <a:lstStyle/>
          <a:p>
            <a:endParaRPr lang="fr-CH" dirty="0"/>
          </a:p>
        </p:txBody>
      </p:sp>
      <p:sp>
        <p:nvSpPr>
          <p:cNvPr id="2" name="Title Placeholder 1">
            <a:extLst>
              <a:ext uri="{FF2B5EF4-FFF2-40B4-BE49-F238E27FC236}">
                <a16:creationId xmlns:a16="http://schemas.microsoft.com/office/drawing/2014/main" id="{82715FC1-370D-407C-8224-FEE8430F70F3}"/>
              </a:ext>
            </a:extLst>
          </p:cNvPr>
          <p:cNvSpPr>
            <a:spLocks noGrp="1"/>
          </p:cNvSpPr>
          <p:nvPr>
            <p:ph type="title"/>
          </p:nvPr>
        </p:nvSpPr>
        <p:spPr>
          <a:xfrm>
            <a:off x="335360" y="518746"/>
            <a:ext cx="9360000" cy="461982"/>
          </a:xfrm>
          <a:prstGeom prst="rect">
            <a:avLst/>
          </a:prstGeom>
        </p:spPr>
        <p:txBody>
          <a:bodyPr vert="horz" lIns="0" tIns="0" rIns="0" bIns="0" rtlCol="0" anchor="t">
            <a:noAutofit/>
          </a:bodyPr>
          <a:lstStyle/>
          <a:p>
            <a:r>
              <a:rPr lang="fr-CH" dirty="0" err="1"/>
              <a:t>Folientitel</a:t>
            </a:r>
            <a:endParaRPr lang="fr-CH" dirty="0"/>
          </a:p>
        </p:txBody>
      </p:sp>
      <p:sp>
        <p:nvSpPr>
          <p:cNvPr id="3" name="Text Placeholder 2">
            <a:extLst>
              <a:ext uri="{FF2B5EF4-FFF2-40B4-BE49-F238E27FC236}">
                <a16:creationId xmlns:a16="http://schemas.microsoft.com/office/drawing/2014/main" id="{D7C4A7ED-AA70-4B26-9044-CBC2EC31764D}"/>
              </a:ext>
            </a:extLst>
          </p:cNvPr>
          <p:cNvSpPr>
            <a:spLocks noGrp="1"/>
          </p:cNvSpPr>
          <p:nvPr>
            <p:ph type="body" idx="1"/>
          </p:nvPr>
        </p:nvSpPr>
        <p:spPr>
          <a:xfrm>
            <a:off x="334964" y="1916112"/>
            <a:ext cx="11233149" cy="4033837"/>
          </a:xfrm>
          <a:prstGeom prst="rect">
            <a:avLst/>
          </a:prstGeom>
        </p:spPr>
        <p:txBody>
          <a:bodyPr vert="horz" lIns="0" tIns="0" rIns="0" bIns="0" rtlCol="0">
            <a:noAutofit/>
          </a:bodyPr>
          <a:lstStyle/>
          <a:p>
            <a:pPr lvl="0"/>
            <a:r>
              <a:rPr lang="fr-CH" dirty="0" err="1"/>
              <a:t>Mastertextformat</a:t>
            </a:r>
            <a:r>
              <a:rPr lang="fr-CH" dirty="0"/>
              <a:t> </a:t>
            </a:r>
            <a:r>
              <a:rPr lang="fr-CH" dirty="0" err="1"/>
              <a:t>bearbeiten</a:t>
            </a:r>
            <a:endParaRPr lang="fr-CH" dirty="0"/>
          </a:p>
          <a:p>
            <a:pPr lvl="1"/>
            <a:r>
              <a:rPr lang="fr-CH" dirty="0" err="1"/>
              <a:t>Zweite</a:t>
            </a:r>
            <a:r>
              <a:rPr lang="fr-CH" dirty="0"/>
              <a:t> </a:t>
            </a:r>
            <a:r>
              <a:rPr lang="fr-CH" dirty="0" err="1"/>
              <a:t>Ebene</a:t>
            </a:r>
            <a:endParaRPr lang="fr-CH" dirty="0"/>
          </a:p>
          <a:p>
            <a:pPr lvl="2"/>
            <a:r>
              <a:rPr lang="fr-CH" dirty="0" err="1"/>
              <a:t>Dritte</a:t>
            </a:r>
            <a:r>
              <a:rPr lang="fr-CH" dirty="0"/>
              <a:t> </a:t>
            </a:r>
            <a:r>
              <a:rPr lang="fr-CH" dirty="0" err="1"/>
              <a:t>Ebene</a:t>
            </a:r>
            <a:endParaRPr lang="fr-CH" dirty="0"/>
          </a:p>
          <a:p>
            <a:pPr lvl="3"/>
            <a:r>
              <a:rPr lang="fr-CH" dirty="0" err="1"/>
              <a:t>Vierte</a:t>
            </a:r>
            <a:r>
              <a:rPr lang="fr-CH" dirty="0"/>
              <a:t> </a:t>
            </a:r>
            <a:r>
              <a:rPr lang="fr-CH" dirty="0" err="1"/>
              <a:t>Ebene</a:t>
            </a:r>
            <a:endParaRPr lang="fr-CH" dirty="0"/>
          </a:p>
          <a:p>
            <a:pPr lvl="4"/>
            <a:r>
              <a:rPr lang="fr-CH" dirty="0" err="1"/>
              <a:t>Fünfte</a:t>
            </a:r>
            <a:r>
              <a:rPr lang="fr-CH" dirty="0"/>
              <a:t> </a:t>
            </a:r>
            <a:r>
              <a:rPr lang="fr-CH" dirty="0" err="1"/>
              <a:t>Ebene</a:t>
            </a:r>
            <a:endParaRPr lang="fr-CH" dirty="0"/>
          </a:p>
          <a:p>
            <a:pPr lvl="5"/>
            <a:r>
              <a:rPr lang="fr-CH" dirty="0" err="1"/>
              <a:t>Sechste</a:t>
            </a:r>
            <a:r>
              <a:rPr lang="fr-CH" dirty="0"/>
              <a:t> </a:t>
            </a:r>
            <a:r>
              <a:rPr lang="fr-CH" dirty="0" err="1"/>
              <a:t>Ebene</a:t>
            </a:r>
            <a:endParaRPr lang="fr-CH" dirty="0"/>
          </a:p>
          <a:p>
            <a:pPr lvl="6"/>
            <a:r>
              <a:rPr lang="fr-CH" dirty="0" err="1"/>
              <a:t>Siebte</a:t>
            </a:r>
            <a:r>
              <a:rPr lang="fr-CH" dirty="0"/>
              <a:t> </a:t>
            </a:r>
            <a:r>
              <a:rPr lang="fr-CH" dirty="0" err="1"/>
              <a:t>Ebene</a:t>
            </a:r>
            <a:endParaRPr lang="fr-CH" dirty="0"/>
          </a:p>
          <a:p>
            <a:pPr lvl="7"/>
            <a:r>
              <a:rPr lang="fr-CH" dirty="0" err="1"/>
              <a:t>Achte</a:t>
            </a:r>
            <a:r>
              <a:rPr lang="fr-CH" dirty="0"/>
              <a:t> </a:t>
            </a:r>
            <a:r>
              <a:rPr lang="fr-CH" dirty="0" err="1"/>
              <a:t>Ebene</a:t>
            </a:r>
            <a:endParaRPr lang="fr-CH" dirty="0"/>
          </a:p>
          <a:p>
            <a:pPr lvl="8"/>
            <a:r>
              <a:rPr lang="fr-CH" dirty="0" err="1"/>
              <a:t>Neunte</a:t>
            </a:r>
            <a:r>
              <a:rPr lang="fr-CH" dirty="0"/>
              <a:t> </a:t>
            </a:r>
            <a:r>
              <a:rPr lang="fr-CH" dirty="0" err="1"/>
              <a:t>Ebene</a:t>
            </a:r>
            <a:endParaRPr lang="fr-CH" dirty="0"/>
          </a:p>
        </p:txBody>
      </p:sp>
      <p:sp>
        <p:nvSpPr>
          <p:cNvPr id="6" name="Slide Number Placeholder 5">
            <a:extLst>
              <a:ext uri="{FF2B5EF4-FFF2-40B4-BE49-F238E27FC236}">
                <a16:creationId xmlns:a16="http://schemas.microsoft.com/office/drawing/2014/main" id="{44B9F8E1-87B7-4ECF-B214-74B5BA30969F}"/>
              </a:ext>
            </a:extLst>
          </p:cNvPr>
          <p:cNvSpPr>
            <a:spLocks noGrp="1"/>
          </p:cNvSpPr>
          <p:nvPr>
            <p:ph type="sldNum" sz="quarter" idx="4"/>
          </p:nvPr>
        </p:nvSpPr>
        <p:spPr>
          <a:xfrm>
            <a:off x="6315" y="6858000"/>
            <a:ext cx="0" cy="0"/>
          </a:xfrm>
          <a:prstGeom prst="rect">
            <a:avLst/>
          </a:prstGeom>
        </p:spPr>
        <p:txBody>
          <a:bodyPr vert="horz" wrap="none" lIns="0" tIns="0" rIns="0" bIns="0" rtlCol="0" anchor="b">
            <a:noAutofit/>
          </a:bodyPr>
          <a:lstStyle>
            <a:lvl1pPr algn="r">
              <a:defRPr sz="800" baseline="0">
                <a:noFill/>
              </a:defRPr>
            </a:lvl1pPr>
          </a:lstStyle>
          <a:p>
            <a:endParaRPr lang="fr-CH" dirty="0"/>
          </a:p>
        </p:txBody>
      </p:sp>
      <p:sp>
        <p:nvSpPr>
          <p:cNvPr id="4" name="Slide Number Textbox" descr="{&#10;&quot;SkabelonDesign&quot;: {&#10;&quot;textualValue&quot;: &quot;&lt;key1/&gt;&quot;,&#10;&quot;bindingCollection&quot;: {&#10;&quot;key1&quot;: {&quot;SkabelonDesign&quot;:{&quot;type&quot;:&quot;Text&quot;,&quot;binding&quot;:&quot;Module.SlideNumber&quot;}}&#10;}&#10;}&#10;}">
            <a:extLst>
              <a:ext uri="{FF2B5EF4-FFF2-40B4-BE49-F238E27FC236}">
                <a16:creationId xmlns:a16="http://schemas.microsoft.com/office/drawing/2014/main" id="{49092FAF-C67C-8DD1-63C8-BAC2C2E429F7}"/>
              </a:ext>
            </a:extLst>
          </p:cNvPr>
          <p:cNvSpPr txBox="1">
            <a:spLocks/>
          </p:cNvSpPr>
          <p:nvPr userDrawn="1"/>
        </p:nvSpPr>
        <p:spPr>
          <a:xfrm>
            <a:off x="11424592" y="6453336"/>
            <a:ext cx="438944" cy="180000"/>
          </a:xfrm>
          <a:prstGeom prst="rect">
            <a:avLst/>
          </a:prstGeom>
          <a:noFill/>
          <a:effectLst/>
        </p:spPr>
        <p:txBody>
          <a:bodyPr vert="horz" wrap="none" lIns="0" tIns="0" rIns="0" bIns="0" rtlCol="0" anchor="b">
            <a:noAutofit/>
          </a:bodyPr>
          <a:lstStyle/>
          <a:p>
            <a:pPr algn="r"/>
            <a:fld id="{415D43C5-0C3C-4F2D-9CA2-0B33B9A1706D}" type="slidenum">
              <a:rPr lang="fr-CH" sz="800" b="0" i="0" u="none" strike="noStrike" smtClean="0">
                <a:solidFill>
                  <a:srgbClr val="969696"/>
                </a:solidFill>
                <a:latin typeface="Aktiv Grotesk Homburger" panose="020B0604020202020204" charset="0"/>
              </a:rPr>
              <a:pPr algn="r"/>
              <a:t>‹N°›</a:t>
            </a:fld>
            <a:endParaRPr lang="fr-CH" sz="800" b="0" i="0" u="none" strike="noStrike" dirty="0" err="1">
              <a:solidFill>
                <a:srgbClr val="969696"/>
              </a:solidFill>
              <a:latin typeface="Aktiv Grotesk Homburger" panose="020B0604020202020204" charset="0"/>
            </a:endParaRPr>
          </a:p>
        </p:txBody>
      </p:sp>
      <p:sp>
        <p:nvSpPr>
          <p:cNvPr id="5" name="Date dynamic" descr="{&quot;templafy&quot;:{&quot;id&quot;:&quot;be53d776-ecd3-4d61-a970-dbe57fabf1fe&quot;}}">
            <a:extLst>
              <a:ext uri="{FF2B5EF4-FFF2-40B4-BE49-F238E27FC236}">
                <a16:creationId xmlns:a16="http://schemas.microsoft.com/office/drawing/2014/main" id="{A5C6700F-979D-631F-5698-617A90AB53CA}"/>
              </a:ext>
            </a:extLst>
          </p:cNvPr>
          <p:cNvSpPr/>
          <p:nvPr userDrawn="1"/>
        </p:nvSpPr>
        <p:spPr>
          <a:xfrm>
            <a:off x="335538" y="6356120"/>
            <a:ext cx="2880000" cy="133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l"/>
            <a:r>
              <a:rPr lang="fr-CH" sz="800" kern="1200" baseline="0" noProof="0" dirty="0">
                <a:solidFill>
                  <a:srgbClr val="969696"/>
                </a:solidFill>
                <a:latin typeface="+mn-lt"/>
                <a:ea typeface="+mn-ea"/>
                <a:cs typeface="+mn-cs"/>
              </a:rPr>
              <a:t>17 novembre 2023</a:t>
            </a:r>
          </a:p>
        </p:txBody>
      </p:sp>
      <p:sp>
        <p:nvSpPr>
          <p:cNvPr id="8" name="Confidentiality dynamic" descr="{&quot;templafy&quot;:{&quot;id&quot;:&quot;468969a0-3cae-4453-a01a-22758501710a&quot;}}">
            <a:extLst>
              <a:ext uri="{FF2B5EF4-FFF2-40B4-BE49-F238E27FC236}">
                <a16:creationId xmlns:a16="http://schemas.microsoft.com/office/drawing/2014/main" id="{839C2A80-1519-30D4-5C66-B06690BA3FC9}"/>
              </a:ext>
            </a:extLst>
          </p:cNvPr>
          <p:cNvSpPr/>
          <p:nvPr userDrawn="1"/>
        </p:nvSpPr>
        <p:spPr>
          <a:xfrm>
            <a:off x="334964" y="6487558"/>
            <a:ext cx="5292275" cy="13326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fr-CH" sz="800" kern="1200" noProof="0" dirty="0">
              <a:solidFill>
                <a:srgbClr val="969696"/>
              </a:solidFill>
              <a:latin typeface="+mn-lt"/>
              <a:ea typeface="+mn-ea"/>
              <a:cs typeface="+mn-cs"/>
            </a:endParaRPr>
          </a:p>
        </p:txBody>
      </p:sp>
    </p:spTree>
    <p:extLst>
      <p:ext uri="{BB962C8B-B14F-4D97-AF65-F5344CB8AC3E}">
        <p14:creationId xmlns:p14="http://schemas.microsoft.com/office/powerpoint/2010/main" val="2263458228"/>
      </p:ext>
    </p:extLst>
  </p:cSld>
  <p:clrMap bg1="lt1" tx1="dk1" bg2="lt2" tx2="dk2" accent1="accent1" accent2="accent2" accent3="accent3" accent4="accent4" accent5="accent5" accent6="accent6" hlink="hlink" folHlink="folHlink"/>
  <p:sldLayoutIdLst>
    <p:sldLayoutId id="2147483649" r:id="rId1"/>
    <p:sldLayoutId id="2147483661" r:id="rId2"/>
    <p:sldLayoutId id="2147483657" r:id="rId3"/>
    <p:sldLayoutId id="2147483682" r:id="rId4"/>
    <p:sldLayoutId id="2147483683" r:id="rId5"/>
    <p:sldLayoutId id="2147483684" r:id="rId6"/>
    <p:sldLayoutId id="2147483656" r:id="rId7"/>
    <p:sldLayoutId id="2147483675" r:id="rId8"/>
    <p:sldLayoutId id="2147483674" r:id="rId9"/>
    <p:sldLayoutId id="2147483680" r:id="rId10"/>
    <p:sldLayoutId id="2147483730" r:id="rId11"/>
    <p:sldLayoutId id="2147483731" r:id="rId12"/>
    <p:sldLayoutId id="2147483652" r:id="rId13"/>
    <p:sldLayoutId id="2147483676" r:id="rId14"/>
    <p:sldLayoutId id="2147483677" r:id="rId15"/>
    <p:sldLayoutId id="2147483658" r:id="rId16"/>
    <p:sldLayoutId id="2147483673" r:id="rId17"/>
    <p:sldLayoutId id="2147483679" r:id="rId18"/>
    <p:sldLayoutId id="2147483662" r:id="rId19"/>
    <p:sldLayoutId id="2147483659" r:id="rId20"/>
    <p:sldLayoutId id="2147483665" r:id="rId21"/>
    <p:sldLayoutId id="2147483664" r:id="rId22"/>
    <p:sldLayoutId id="2147483667" r:id="rId23"/>
    <p:sldLayoutId id="2147483708" r:id="rId24"/>
    <p:sldLayoutId id="2147483686" r:id="rId25"/>
    <p:sldLayoutId id="2147483721" r:id="rId26"/>
    <p:sldLayoutId id="2147483672" r:id="rId27"/>
    <p:sldLayoutId id="2147483663" r:id="rId28"/>
    <p:sldLayoutId id="2147483660" r:id="rId29"/>
    <p:sldLayoutId id="2147483713" r:id="rId30"/>
    <p:sldLayoutId id="2147483714" r:id="rId31"/>
    <p:sldLayoutId id="2147483685" r:id="rId32"/>
    <p:sldLayoutId id="2147483709" r:id="rId33"/>
    <p:sldLayoutId id="2147483711" r:id="rId34"/>
    <p:sldLayoutId id="2147483687" r:id="rId35"/>
    <p:sldLayoutId id="2147483710" r:id="rId36"/>
    <p:sldLayoutId id="2147483670" r:id="rId37"/>
    <p:sldLayoutId id="2147483669" r:id="rId38"/>
    <p:sldLayoutId id="2147483691" r:id="rId39"/>
    <p:sldLayoutId id="2147483723" r:id="rId40"/>
    <p:sldLayoutId id="2147483700" r:id="rId41"/>
    <p:sldLayoutId id="2147483688" r:id="rId42"/>
    <p:sldLayoutId id="2147483696" r:id="rId43"/>
    <p:sldLayoutId id="2147483697" r:id="rId44"/>
    <p:sldLayoutId id="2147483715" r:id="rId45"/>
    <p:sldLayoutId id="2147483716" r:id="rId46"/>
    <p:sldLayoutId id="2147483699" r:id="rId47"/>
    <p:sldLayoutId id="2147483702" r:id="rId48"/>
    <p:sldLayoutId id="2147483650" r:id="rId49"/>
    <p:sldLayoutId id="2147483654" r:id="rId50"/>
    <p:sldLayoutId id="2147483720" r:id="rId51"/>
    <p:sldLayoutId id="2147483707" r:id="rId52"/>
    <p:sldLayoutId id="2147483717" r:id="rId53"/>
    <p:sldLayoutId id="2147483718" r:id="rId54"/>
    <p:sldLayoutId id="2147483719" r:id="rId55"/>
    <p:sldLayoutId id="2147483655" r:id="rId56"/>
    <p:sldLayoutId id="2147483706" r:id="rId57"/>
    <p:sldLayoutId id="2147483705" r:id="rId58"/>
    <p:sldLayoutId id="2147483729" r:id="rId59"/>
    <p:sldLayoutId id="2147483725" r:id="rId60"/>
    <p:sldLayoutId id="2147483726" r:id="rId61"/>
    <p:sldLayoutId id="2147483732" r:id="rId62"/>
  </p:sldLayoutIdLst>
  <p:hf hdr="0"/>
  <p:txStyles>
    <p:titleStyle>
      <a:lvl1pPr algn="l" defTabSz="914400" rtl="0" eaLnBrk="1" latinLnBrk="0" hangingPunct="1">
        <a:lnSpc>
          <a:spcPct val="90000"/>
        </a:lnSpc>
        <a:spcBef>
          <a:spcPct val="0"/>
        </a:spcBef>
        <a:buNone/>
        <a:tabLst>
          <a:tab pos="270000" algn="l"/>
        </a:tabLst>
        <a:defRPr sz="1000" b="1" kern="1200">
          <a:solidFill>
            <a:schemeClr val="tx1"/>
          </a:solidFill>
          <a:latin typeface="+mj-lt"/>
          <a:ea typeface="+mj-ea"/>
          <a:cs typeface="+mj-cs"/>
        </a:defRPr>
      </a:lvl1pPr>
    </p:titleStyle>
    <p:bodyStyle>
      <a:lvl1pPr marL="228600" indent="-228600" algn="l" defTabSz="914400" rtl="0" eaLnBrk="1" latinLnBrk="0" hangingPunct="1">
        <a:lnSpc>
          <a:spcPct val="122000"/>
        </a:lnSpc>
        <a:spcBef>
          <a:spcPts val="400"/>
        </a:spcBef>
        <a:buFont typeface="Aktiv Grotesk Homburger" panose="020B0404020202020204" pitchFamily="34" charset="0"/>
        <a:buChar char="—"/>
        <a:defRPr sz="1200" kern="1200">
          <a:solidFill>
            <a:schemeClr val="tx1"/>
          </a:solidFill>
          <a:latin typeface="+mn-lt"/>
          <a:ea typeface="+mn-ea"/>
          <a:cs typeface="+mn-cs"/>
        </a:defRPr>
      </a:lvl1pPr>
      <a:lvl2pPr marL="460800" indent="-230400" algn="l" defTabSz="914400" rtl="0" eaLnBrk="1" latinLnBrk="0" hangingPunct="1">
        <a:lnSpc>
          <a:spcPct val="122000"/>
        </a:lnSpc>
        <a:spcBef>
          <a:spcPts val="400"/>
        </a:spcBef>
        <a:buFont typeface="Aktiv Grotesk Homburger" panose="020B0404020202020204" pitchFamily="34" charset="0"/>
        <a:buChar char="◦"/>
        <a:defRPr sz="1200" kern="1200">
          <a:solidFill>
            <a:schemeClr val="tx1"/>
          </a:solidFill>
          <a:latin typeface="+mn-lt"/>
          <a:ea typeface="+mn-ea"/>
          <a:cs typeface="+mn-cs"/>
        </a:defRPr>
      </a:lvl2pPr>
      <a:lvl3pPr marL="6912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3pPr>
      <a:lvl4pPr marL="9216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4pPr>
      <a:lvl5pPr marL="11520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5pPr>
      <a:lvl6pPr marL="13824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6pPr>
      <a:lvl7pPr marL="16128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7pPr>
      <a:lvl8pPr marL="18432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8pPr>
      <a:lvl9pPr marL="20736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1" pos="211" userDrawn="1">
          <p15:clr>
            <a:srgbClr val="F26B43"/>
          </p15:clr>
        </p15:guide>
        <p15:guide id="2" orient="horz" pos="1207" userDrawn="1">
          <p15:clr>
            <a:srgbClr val="F26B43"/>
          </p15:clr>
        </p15:guide>
        <p15:guide id="3" orient="horz" pos="3748" userDrawn="1">
          <p15:clr>
            <a:srgbClr val="F26B43"/>
          </p15:clr>
        </p15:guide>
        <p15:guide id="4" pos="7287" userDrawn="1">
          <p15:clr>
            <a:srgbClr val="F26B43"/>
          </p15:clr>
        </p15:guide>
        <p15:guide id="5" orient="horz" pos="70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2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23.xml"/></Relationships>
</file>

<file path=ppt/slides/_rels/slide14.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6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5.xml"/><Relationship Id="rId1" Type="http://schemas.openxmlformats.org/officeDocument/2006/relationships/customXml" Target="../../customXml/item6.xml"/><Relationship Id="rId4" Type="http://schemas.openxmlformats.org/officeDocument/2006/relationships/notesSlide" Target="../notesSlides/notesSlide1.xml"/></Relationships>
</file>

<file path=ppt/slides/_rels/slide3.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9.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8.xml"/><Relationship Id="rId2" Type="http://schemas.openxmlformats.org/officeDocument/2006/relationships/customXml" Target="../../customXml/item17.xml"/><Relationship Id="rId1" Type="http://schemas.openxmlformats.org/officeDocument/2006/relationships/customXml" Target="../../customXml/item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8.xml"/><Relationship Id="rId2" Type="http://schemas.openxmlformats.org/officeDocument/2006/relationships/customXml" Target="../../customXml/item10.xml"/><Relationship Id="rId1" Type="http://schemas.openxmlformats.org/officeDocument/2006/relationships/customXml" Target="../../customXml/item16.xml"/><Relationship Id="rId6" Type="http://schemas.openxmlformats.org/officeDocument/2006/relationships/image" Target="../media/image22.PNG"/><Relationship Id="rId5" Type="http://schemas.openxmlformats.org/officeDocument/2006/relationships/image" Target="../media/image21.PNG"/><Relationship Id="rId4" Type="http://schemas.openxmlformats.org/officeDocument/2006/relationships/image" Target="../media/image20.PNG"/></Relationships>
</file>

<file path=ppt/slides/_rels/slide6.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image" Target="../media/image23.png"/><Relationship Id="rId1" Type="http://schemas.openxmlformats.org/officeDocument/2006/relationships/slideLayout" Target="../slideLayouts/slideLayout9.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4D2C5C3-D1E6-AEE4-E752-25F3AB8D6B78}"/>
              </a:ext>
            </a:extLst>
          </p:cNvPr>
          <p:cNvSpPr>
            <a:spLocks noGrp="1"/>
          </p:cNvSpPr>
          <p:nvPr>
            <p:ph type="ctrTitle"/>
          </p:nvPr>
        </p:nvSpPr>
        <p:spPr>
          <a:xfrm>
            <a:off x="334963" y="3037602"/>
            <a:ext cx="7345213" cy="1358484"/>
          </a:xfrm>
        </p:spPr>
        <p:txBody>
          <a:bodyPr/>
          <a:lstStyle/>
          <a:p>
            <a:r>
              <a:rPr lang="fr-CH" dirty="0">
                <a:solidFill>
                  <a:schemeClr val="tx1"/>
                </a:solidFill>
                <a:latin typeface="Arial" panose="020B0604020202020204" pitchFamily="34" charset="0"/>
                <a:cs typeface="Arial" panose="020B0604020202020204" pitchFamily="34" charset="0"/>
              </a:rPr>
              <a:t>Les faits exorbitants en procédure civile</a:t>
            </a:r>
          </a:p>
        </p:txBody>
      </p:sp>
      <p:sp>
        <p:nvSpPr>
          <p:cNvPr id="3" name="Untertitel 2">
            <a:extLst>
              <a:ext uri="{FF2B5EF4-FFF2-40B4-BE49-F238E27FC236}">
                <a16:creationId xmlns:a16="http://schemas.microsoft.com/office/drawing/2014/main" id="{ECD119B5-D1EA-253F-5708-B063ECFF7B6D}"/>
              </a:ext>
            </a:extLst>
          </p:cNvPr>
          <p:cNvSpPr>
            <a:spLocks noGrp="1"/>
          </p:cNvSpPr>
          <p:nvPr>
            <p:ph type="subTitle" idx="1"/>
          </p:nvPr>
        </p:nvSpPr>
        <p:spPr/>
        <p:txBody>
          <a:bodyPr/>
          <a:lstStyle/>
          <a:p>
            <a:r>
              <a:rPr lang="fr-CH" dirty="0">
                <a:solidFill>
                  <a:schemeClr val="tx1"/>
                </a:solidFill>
                <a:latin typeface="Arial" panose="020B0604020202020204" pitchFamily="34" charset="0"/>
                <a:cs typeface="Arial" panose="020B0604020202020204" pitchFamily="34" charset="0"/>
              </a:rPr>
              <a:t>Frédéric Fitzi</a:t>
            </a:r>
          </a:p>
        </p:txBody>
      </p:sp>
      <p:pic>
        <p:nvPicPr>
          <p:cNvPr id="10" name="Grafik 9">
            <a:extLst>
              <a:ext uri="{FF2B5EF4-FFF2-40B4-BE49-F238E27FC236}">
                <a16:creationId xmlns:a16="http://schemas.microsoft.com/office/drawing/2014/main" id="{DA3F567E-C81B-F91E-503D-BFDF1F5F5142}"/>
              </a:ext>
            </a:extLst>
          </p:cNvPr>
          <p:cNvPicPr>
            <a:picLocks noChangeAspect="1"/>
          </p:cNvPicPr>
          <p:nvPr/>
        </p:nvPicPr>
        <p:blipFill>
          <a:blip r:embed="rId2"/>
          <a:stretch>
            <a:fillRect/>
          </a:stretch>
        </p:blipFill>
        <p:spPr>
          <a:xfrm>
            <a:off x="334964" y="476672"/>
            <a:ext cx="2674952" cy="1358484"/>
          </a:xfrm>
          <a:prstGeom prst="rect">
            <a:avLst/>
          </a:prstGeom>
        </p:spPr>
      </p:pic>
      <p:pic>
        <p:nvPicPr>
          <p:cNvPr id="11" name="Grafik 10">
            <a:extLst>
              <a:ext uri="{FF2B5EF4-FFF2-40B4-BE49-F238E27FC236}">
                <a16:creationId xmlns:a16="http://schemas.microsoft.com/office/drawing/2014/main" id="{FB97C028-7AA7-396D-558B-41A4B7C9FF3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1496600" y="0"/>
            <a:ext cx="708016" cy="6858000"/>
          </a:xfrm>
          <a:prstGeom prst="rect">
            <a:avLst/>
          </a:prstGeom>
          <a:solidFill>
            <a:srgbClr val="DA001A"/>
          </a:solidFill>
        </p:spPr>
      </p:pic>
    </p:spTree>
    <p:extLst>
      <p:ext uri="{BB962C8B-B14F-4D97-AF65-F5344CB8AC3E}">
        <p14:creationId xmlns:p14="http://schemas.microsoft.com/office/powerpoint/2010/main" val="399427919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88DEDD7-459D-24EC-ED2E-B56E43746012}"/>
              </a:ext>
            </a:extLst>
          </p:cNvPr>
          <p:cNvSpPr>
            <a:spLocks noGrp="1"/>
          </p:cNvSpPr>
          <p:nvPr>
            <p:ph type="title"/>
          </p:nvPr>
        </p:nvSpPr>
        <p:spPr>
          <a:xfrm>
            <a:off x="623693" y="662762"/>
            <a:ext cx="10943656" cy="461982"/>
          </a:xfrm>
        </p:spPr>
        <p:txBody>
          <a:bodyPr/>
          <a:lstStyle/>
          <a:p>
            <a:pPr algn="ctr"/>
            <a:r>
              <a:rPr lang="fr-CH" sz="1800" b="1" dirty="0">
                <a:latin typeface="Arial" panose="020B0604020202020204" pitchFamily="34" charset="0"/>
                <a:cs typeface="Arial" panose="020B0604020202020204" pitchFamily="34" charset="0"/>
              </a:rPr>
              <a:t>Faits exorbitants au sens propre</a:t>
            </a:r>
            <a:br>
              <a:rPr lang="fr-CH" b="1" dirty="0">
                <a:latin typeface="Arial" panose="020B0604020202020204" pitchFamily="34" charset="0"/>
                <a:cs typeface="Arial" panose="020B0604020202020204" pitchFamily="34" charset="0"/>
              </a:rPr>
            </a:br>
            <a:endParaRPr lang="fr-CH" dirty="0">
              <a:latin typeface="Arial" panose="020B0604020202020204" pitchFamily="34" charset="0"/>
              <a:cs typeface="Arial" panose="020B0604020202020204" pitchFamily="34" charset="0"/>
            </a:endParaRPr>
          </a:p>
        </p:txBody>
      </p:sp>
      <p:sp>
        <p:nvSpPr>
          <p:cNvPr id="3" name="Untertitel 2">
            <a:extLst>
              <a:ext uri="{FF2B5EF4-FFF2-40B4-BE49-F238E27FC236}">
                <a16:creationId xmlns:a16="http://schemas.microsoft.com/office/drawing/2014/main" id="{48CB1FAA-6B96-C926-4C12-8489E3208558}"/>
              </a:ext>
            </a:extLst>
          </p:cNvPr>
          <p:cNvSpPr>
            <a:spLocks noGrp="1"/>
          </p:cNvSpPr>
          <p:nvPr>
            <p:ph type="subTitle" idx="13"/>
          </p:nvPr>
        </p:nvSpPr>
        <p:spPr/>
        <p:txBody>
          <a:bodyPr/>
          <a:lstStyle/>
          <a:p>
            <a:r>
              <a:rPr lang="fr-CH" dirty="0">
                <a:latin typeface="Arial" panose="020B0604020202020204" pitchFamily="34" charset="0"/>
                <a:cs typeface="Arial" panose="020B0604020202020204" pitchFamily="34" charset="0"/>
              </a:rPr>
              <a:t>II.	Exploitabilité des faits exorbitants</a:t>
            </a:r>
          </a:p>
        </p:txBody>
      </p:sp>
      <p:sp>
        <p:nvSpPr>
          <p:cNvPr id="5" name="Foliennummernplatzhalter 4">
            <a:extLst>
              <a:ext uri="{FF2B5EF4-FFF2-40B4-BE49-F238E27FC236}">
                <a16:creationId xmlns:a16="http://schemas.microsoft.com/office/drawing/2014/main" id="{E7793860-9EED-3056-C753-2ACB774E82A9}"/>
              </a:ext>
            </a:extLst>
          </p:cNvPr>
          <p:cNvSpPr>
            <a:spLocks noGrp="1"/>
          </p:cNvSpPr>
          <p:nvPr>
            <p:ph type="sldNum" sz="quarter" idx="15"/>
          </p:nvPr>
        </p:nvSpPr>
        <p:spPr/>
        <p:txBody>
          <a:bodyPr/>
          <a:lstStyle/>
          <a:p>
            <a:fld id="{FC362A1C-D03C-4301-9D28-06CE832B6EC4}" type="slidenum">
              <a:rPr lang="fr-CH" smtClean="0">
                <a:latin typeface="Arial" panose="020B0604020202020204" pitchFamily="34" charset="0"/>
                <a:cs typeface="Arial" panose="020B0604020202020204" pitchFamily="34" charset="0"/>
              </a:rPr>
              <a:pPr/>
              <a:t>10</a:t>
            </a:fld>
            <a:endParaRPr lang="fr-CH" dirty="0">
              <a:latin typeface="Arial" panose="020B0604020202020204" pitchFamily="34" charset="0"/>
              <a:cs typeface="Arial" panose="020B0604020202020204" pitchFamily="34" charset="0"/>
            </a:endParaRPr>
          </a:p>
        </p:txBody>
      </p:sp>
      <p:sp>
        <p:nvSpPr>
          <p:cNvPr id="6" name="Textplatzhalter 5">
            <a:extLst>
              <a:ext uri="{FF2B5EF4-FFF2-40B4-BE49-F238E27FC236}">
                <a16:creationId xmlns:a16="http://schemas.microsoft.com/office/drawing/2014/main" id="{036E612B-D48D-948F-8975-00A1649C03B8}"/>
              </a:ext>
            </a:extLst>
          </p:cNvPr>
          <p:cNvSpPr>
            <a:spLocks noGrp="1"/>
          </p:cNvSpPr>
          <p:nvPr>
            <p:ph type="body" sz="quarter" idx="17"/>
          </p:nvPr>
        </p:nvSpPr>
        <p:spPr>
          <a:xfrm>
            <a:off x="623693" y="2574074"/>
            <a:ext cx="3166099" cy="3591227"/>
          </a:xfrm>
          <a:solidFill>
            <a:schemeClr val="accent1"/>
          </a:solidFill>
        </p:spPr>
        <p:txBody>
          <a:bodyPr lIns="108000" tIns="108000" rIns="108000" bIns="108000">
            <a:noAutofit/>
          </a:bodyPr>
          <a:lstStyle/>
          <a:p>
            <a:pPr marL="342900" indent="-342900" algn="just">
              <a:buFont typeface="Symbol" panose="05050102010706020507" pitchFamily="18" charset="2"/>
              <a:buChar char=""/>
            </a:pPr>
            <a:r>
              <a:rPr lang="fr-FR" sz="1400" kern="100" dirty="0">
                <a:effectLst/>
                <a:latin typeface="Arial" panose="020B0604020202020204" pitchFamily="34" charset="0"/>
                <a:ea typeface="Calibri" panose="020F0502020204030204" pitchFamily="34" charset="0"/>
                <a:cs typeface="Arial" panose="020B0604020202020204" pitchFamily="34" charset="0"/>
              </a:rPr>
              <a:t>Volonté du législateur d’assurer un équilibre entre vérités formelle et matérielle</a:t>
            </a:r>
          </a:p>
          <a:p>
            <a:pPr marL="534988" lvl="2" indent="-173038" algn="just">
              <a:spcBef>
                <a:spcPts val="900"/>
              </a:spcBef>
              <a:buFont typeface="Symbol" panose="05050102010706020507" pitchFamily="18" charset="2"/>
              <a:buChar char="-"/>
            </a:pPr>
            <a:r>
              <a:rPr lang="fr-FR" sz="1400" kern="100" dirty="0">
                <a:latin typeface="Arial" panose="020B0604020202020204" pitchFamily="34" charset="0"/>
                <a:cs typeface="Arial" panose="020B0604020202020204" pitchFamily="34" charset="0"/>
              </a:rPr>
              <a:t>Art. 56, 153, 226, 229, 247 et 317 </a:t>
            </a:r>
            <a:r>
              <a:rPr lang="fr-FR" sz="1400" kern="100" dirty="0" err="1">
                <a:latin typeface="Arial" panose="020B0604020202020204" pitchFamily="34" charset="0"/>
                <a:cs typeface="Arial" panose="020B0604020202020204" pitchFamily="34" charset="0"/>
              </a:rPr>
              <a:t>CPC</a:t>
            </a:r>
            <a:endParaRPr lang="fr-FR" sz="1400" kern="100" dirty="0">
              <a:latin typeface="Arial" panose="020B0604020202020204" pitchFamily="34" charset="0"/>
              <a:cs typeface="Arial" panose="020B0604020202020204" pitchFamily="34" charset="0"/>
            </a:endParaRPr>
          </a:p>
          <a:p>
            <a:pPr marL="342900" indent="-342900" algn="just">
              <a:buFont typeface="Symbol" panose="05050102010706020507" pitchFamily="18" charset="2"/>
              <a:buChar char=""/>
            </a:pPr>
            <a:r>
              <a:rPr lang="fr-FR" sz="1400" kern="100" dirty="0">
                <a:effectLst/>
                <a:latin typeface="Arial" panose="020B0604020202020204" pitchFamily="34" charset="0"/>
                <a:ea typeface="Calibri" panose="020F0502020204030204" pitchFamily="34" charset="0"/>
                <a:cs typeface="Arial" panose="020B0604020202020204" pitchFamily="34" charset="0"/>
              </a:rPr>
              <a:t>Interprétation du </a:t>
            </a:r>
            <a:r>
              <a:rPr lang="fr-FR" sz="1400" kern="100" dirty="0" err="1">
                <a:effectLst/>
                <a:latin typeface="Arial" panose="020B0604020202020204" pitchFamily="34" charset="0"/>
                <a:ea typeface="Calibri" panose="020F0502020204030204" pitchFamily="34" charset="0"/>
                <a:cs typeface="Arial" panose="020B0604020202020204" pitchFamily="34" charset="0"/>
              </a:rPr>
              <a:t>CPC</a:t>
            </a:r>
            <a:r>
              <a:rPr lang="fr-FR" sz="1400" kern="100" dirty="0">
                <a:effectLst/>
                <a:latin typeface="Arial" panose="020B0604020202020204" pitchFamily="34" charset="0"/>
                <a:ea typeface="Calibri" panose="020F0502020204030204" pitchFamily="34" charset="0"/>
                <a:cs typeface="Arial" panose="020B0604020202020204" pitchFamily="34" charset="0"/>
              </a:rPr>
              <a:t> de manière conforme à son but</a:t>
            </a:r>
          </a:p>
          <a:p>
            <a:pPr marL="342900" indent="-342900" algn="just">
              <a:buFont typeface="Symbol" panose="05050102010706020507" pitchFamily="18" charset="2"/>
              <a:buChar char=""/>
            </a:pPr>
            <a:r>
              <a:rPr lang="fr-CH" sz="1400" dirty="0">
                <a:latin typeface="Arial" panose="020B0604020202020204" pitchFamily="34" charset="0"/>
                <a:cs typeface="Arial" panose="020B0604020202020204" pitchFamily="34" charset="0"/>
              </a:rPr>
              <a:t>Nécessaire cohérence avec les limites fixées par la maxime éventuelle</a:t>
            </a:r>
          </a:p>
          <a:p>
            <a:pPr marL="342900" indent="-342900" algn="just">
              <a:buFont typeface="Symbol" panose="05050102010706020507" pitchFamily="18" charset="2"/>
              <a:buChar char=""/>
            </a:pPr>
            <a:r>
              <a:rPr lang="fr-CH" sz="1400" b="1" dirty="0">
                <a:latin typeface="Arial" panose="020B0604020202020204" pitchFamily="34" charset="0"/>
                <a:cs typeface="Arial" panose="020B0604020202020204" pitchFamily="34" charset="0"/>
              </a:rPr>
              <a:t>Principe de célérité</a:t>
            </a:r>
          </a:p>
          <a:p>
            <a:pPr marL="342900" indent="-342900" algn="just">
              <a:buFont typeface="Symbol" panose="05050102010706020507" pitchFamily="18" charset="2"/>
              <a:buChar char=""/>
            </a:pPr>
            <a:endParaRPr lang="fr-CH" sz="1400" dirty="0">
              <a:latin typeface="Arial" panose="020B0604020202020204" pitchFamily="34" charset="0"/>
              <a:cs typeface="Arial" panose="020B0604020202020204" pitchFamily="34" charset="0"/>
            </a:endParaRPr>
          </a:p>
          <a:p>
            <a:pPr marL="342900" indent="-342900" algn="just">
              <a:buFont typeface="Symbol" panose="05050102010706020507" pitchFamily="18" charset="2"/>
              <a:buChar char=""/>
            </a:pPr>
            <a:endParaRPr lang="fr-FR" sz="1400" kern="100" dirty="0">
              <a:effectLst/>
              <a:latin typeface="Arial" panose="020B0604020202020204" pitchFamily="34" charset="0"/>
              <a:ea typeface="Calibri" panose="020F0502020204030204" pitchFamily="34" charset="0"/>
              <a:cs typeface="Arial" panose="020B0604020202020204" pitchFamily="34" charset="0"/>
            </a:endParaRPr>
          </a:p>
          <a:p>
            <a:pPr marL="342900" indent="-342900" algn="just">
              <a:buFont typeface="Symbol" panose="05050102010706020507" pitchFamily="18" charset="2"/>
              <a:buChar char=""/>
            </a:pPr>
            <a:endParaRPr lang="fr-CH" sz="1400" kern="100" dirty="0">
              <a:effectLst/>
              <a:latin typeface="Arial" panose="020B0604020202020204" pitchFamily="34" charset="0"/>
              <a:ea typeface="Calibri" panose="020F0502020204030204" pitchFamily="34" charset="0"/>
              <a:cs typeface="Arial" panose="020B0604020202020204" pitchFamily="34" charset="0"/>
            </a:endParaRPr>
          </a:p>
          <a:p>
            <a:pPr marL="342900" lvl="0" indent="-342900" algn="just">
              <a:buFont typeface="Symbol" panose="05050102010706020507" pitchFamily="18" charset="2"/>
              <a:buChar char=""/>
            </a:pPr>
            <a:endParaRPr lang="fr-CH" sz="1400" kern="100" dirty="0">
              <a:effectLst/>
              <a:latin typeface="Arial" panose="020B0604020202020204" pitchFamily="34" charset="0"/>
              <a:ea typeface="Calibri" panose="020F0502020204030204" pitchFamily="34" charset="0"/>
              <a:cs typeface="Arial" panose="020B0604020202020204" pitchFamily="34" charset="0"/>
            </a:endParaRPr>
          </a:p>
        </p:txBody>
      </p:sp>
      <p:sp>
        <p:nvSpPr>
          <p:cNvPr id="8" name="Textplatzhalter 7">
            <a:extLst>
              <a:ext uri="{FF2B5EF4-FFF2-40B4-BE49-F238E27FC236}">
                <a16:creationId xmlns:a16="http://schemas.microsoft.com/office/drawing/2014/main" id="{23EBD2AE-5F8F-DAEE-17A1-94CC73D6D4E3}"/>
              </a:ext>
            </a:extLst>
          </p:cNvPr>
          <p:cNvSpPr>
            <a:spLocks noGrp="1"/>
          </p:cNvSpPr>
          <p:nvPr>
            <p:ph type="body" sz="quarter" idx="23"/>
          </p:nvPr>
        </p:nvSpPr>
        <p:spPr>
          <a:xfrm>
            <a:off x="8040221" y="2574074"/>
            <a:ext cx="3527127" cy="3591228"/>
          </a:xfrm>
          <a:solidFill>
            <a:schemeClr val="accent3"/>
          </a:solidFill>
        </p:spPr>
        <p:txBody>
          <a:bodyPr lIns="108000" tIns="108000" rIns="108000" bIns="108000"/>
          <a:lstStyle/>
          <a:p>
            <a:pPr marL="342900" lvl="0" indent="-342900" algn="just">
              <a:spcBef>
                <a:spcPts val="1200"/>
              </a:spcBef>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Art. </a:t>
            </a:r>
            <a:r>
              <a:rPr lang="fr-CH" sz="1400" kern="100" dirty="0">
                <a:latin typeface="Arial" panose="020B0604020202020204" pitchFamily="34" charset="0"/>
                <a:ea typeface="Calibri" panose="020F0502020204030204" pitchFamily="34" charset="0"/>
                <a:cs typeface="Arial" panose="020B0604020202020204" pitchFamily="34" charset="0"/>
              </a:rPr>
              <a:t>229 al. 1 et 317 al. 1 </a:t>
            </a:r>
            <a:r>
              <a:rPr lang="fr-CH" sz="1400" kern="100" dirty="0" err="1">
                <a:latin typeface="Arial" panose="020B0604020202020204" pitchFamily="34" charset="0"/>
                <a:ea typeface="Calibri" panose="020F0502020204030204" pitchFamily="34" charset="0"/>
                <a:cs typeface="Arial" panose="020B0604020202020204" pitchFamily="34" charset="0"/>
              </a:rPr>
              <a:t>CPC</a:t>
            </a:r>
            <a:endParaRPr lang="fr-CH" sz="1400" kern="100" dirty="0">
              <a:latin typeface="Arial" panose="020B0604020202020204" pitchFamily="34" charset="0"/>
              <a:ea typeface="Calibri" panose="020F0502020204030204" pitchFamily="34" charset="0"/>
              <a:cs typeface="Arial" panose="020B0604020202020204" pitchFamily="34" charset="0"/>
            </a:endParaRPr>
          </a:p>
          <a:p>
            <a:pPr marL="342900" indent="-342900" algn="just">
              <a:spcBef>
                <a:spcPts val="1200"/>
              </a:spcBef>
              <a:buFont typeface="Symbol" panose="05050102010706020507" pitchFamily="18" charset="2"/>
              <a:buChar char=""/>
            </a:pPr>
            <a:r>
              <a:rPr kumimoji="0" lang="fr-CH" sz="1400" b="1" i="0"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rPr>
              <a:t>Nécessité d’une allégation « après coup » par une requête de </a:t>
            </a:r>
            <a:r>
              <a:rPr kumimoji="0" lang="fr-CH" sz="1400" b="1" i="1"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rPr>
              <a:t>nova</a:t>
            </a:r>
            <a:endParaRPr kumimoji="0" lang="fr-CH" sz="1400" b="1" i="0"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endParaRPr>
          </a:p>
          <a:p>
            <a:pPr marL="342900" indent="-342900" algn="just">
              <a:spcBef>
                <a:spcPts val="1200"/>
              </a:spcBef>
              <a:buFont typeface="Symbol" panose="05050102010706020507" pitchFamily="18" charset="2"/>
              <a:buChar char=""/>
            </a:pPr>
            <a:r>
              <a:rPr kumimoji="0" lang="fr-CH" sz="1400" b="1" i="1"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rPr>
              <a:t>Nova</a:t>
            </a:r>
            <a:r>
              <a:rPr kumimoji="0" lang="fr-CH" sz="1400" b="1" i="0"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rPr>
              <a:t> / pseudo </a:t>
            </a:r>
            <a:r>
              <a:rPr kumimoji="0" lang="fr-CH" sz="1400" b="1" i="1"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rPr>
              <a:t>nova</a:t>
            </a:r>
          </a:p>
          <a:p>
            <a:pPr marL="534988" lvl="2" indent="-173038" algn="just">
              <a:spcBef>
                <a:spcPts val="1200"/>
              </a:spcBef>
              <a:buFont typeface="Symbol" panose="05050102010706020507" pitchFamily="18" charset="2"/>
              <a:buChar char="-"/>
            </a:pPr>
            <a:r>
              <a:rPr lang="fr-FR" sz="1400" kern="100" dirty="0">
                <a:solidFill>
                  <a:srgbClr val="000000"/>
                </a:solidFill>
                <a:latin typeface="Arial" panose="020B0604020202020204" pitchFamily="34" charset="0"/>
                <a:ea typeface="Calibri" panose="020F0502020204030204" pitchFamily="34" charset="0"/>
                <a:cs typeface="Arial" panose="020B0604020202020204" pitchFamily="34" charset="0"/>
              </a:rPr>
              <a:t>I</a:t>
            </a:r>
            <a:r>
              <a:rPr kumimoji="0" lang="fr-FR" sz="1400" u="none" strike="noStrike" kern="100" cap="none" spc="0" normalizeH="0" baseline="0" noProof="0" dirty="0" err="1">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rPr>
              <a:t>nvocation</a:t>
            </a:r>
            <a:r>
              <a:rPr kumimoji="0" lang="fr-FR" sz="1400"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rPr>
              <a:t> « sans retard »</a:t>
            </a:r>
          </a:p>
          <a:p>
            <a:pPr marL="534988" lvl="2" indent="-173038" algn="just">
              <a:spcBef>
                <a:spcPts val="1200"/>
              </a:spcBef>
              <a:buFont typeface="Symbol" panose="05050102010706020507" pitchFamily="18" charset="2"/>
              <a:buChar char="-"/>
            </a:pPr>
            <a:r>
              <a:rPr lang="fr-FR" sz="1400" kern="100" dirty="0">
                <a:solidFill>
                  <a:srgbClr val="000000"/>
                </a:solidFill>
                <a:latin typeface="Arial" panose="020B0604020202020204" pitchFamily="34" charset="0"/>
                <a:ea typeface="Calibri" panose="020F0502020204030204" pitchFamily="34" charset="0"/>
                <a:cs typeface="Arial" panose="020B0604020202020204" pitchFamily="34" charset="0"/>
              </a:rPr>
              <a:t>« diligence requise »</a:t>
            </a:r>
            <a:endParaRPr kumimoji="0" lang="fr-CH" sz="1400"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endParaRPr>
          </a:p>
          <a:p>
            <a:pPr marL="342900" indent="-342900" algn="just">
              <a:spcBef>
                <a:spcPts val="1200"/>
              </a:spcBef>
              <a:buFont typeface="Symbol" panose="05050102010706020507" pitchFamily="18" charset="2"/>
              <a:buChar char=""/>
            </a:pPr>
            <a:r>
              <a:rPr kumimoji="0" lang="fr-CH" sz="1400" b="1" i="0"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rPr>
              <a:t>Modification de la demande si l’objet du litige est modifié</a:t>
            </a:r>
          </a:p>
          <a:p>
            <a:pPr marL="534988" lvl="2" indent="-173038" algn="just">
              <a:spcBef>
                <a:spcPts val="1200"/>
              </a:spcBef>
              <a:buFont typeface="Symbol" panose="05050102010706020507" pitchFamily="18" charset="2"/>
              <a:buChar char="-"/>
            </a:pPr>
            <a:r>
              <a:rPr lang="de-CH" sz="1400" kern="100" dirty="0">
                <a:latin typeface="Arial" panose="020B0604020202020204" pitchFamily="34" charset="0"/>
                <a:cs typeface="Arial" panose="020B0604020202020204" pitchFamily="34" charset="0"/>
              </a:rPr>
              <a:t>Art. 230 et 317 al. 2 CPC</a:t>
            </a:r>
            <a:endParaRPr kumimoji="0" lang="fr-CH" sz="1400" b="1" i="0"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endParaRPr>
          </a:p>
          <a:p>
            <a:pPr marL="342900" lvl="0" indent="-342900" algn="just">
              <a:buFont typeface="Symbol" panose="05050102010706020507" pitchFamily="18" charset="2"/>
              <a:buChar char=""/>
            </a:pPr>
            <a:endParaRPr lang="fr-CH" sz="1400" kern="100" dirty="0">
              <a:effectLst/>
              <a:latin typeface="Arial" panose="020B0604020202020204" pitchFamily="34" charset="0"/>
              <a:ea typeface="Calibri" panose="020F0502020204030204" pitchFamily="34" charset="0"/>
              <a:cs typeface="Arial" panose="020B0604020202020204" pitchFamily="34" charset="0"/>
            </a:endParaRPr>
          </a:p>
        </p:txBody>
      </p:sp>
      <p:sp>
        <p:nvSpPr>
          <p:cNvPr id="4" name="Textfeld 3">
            <a:extLst>
              <a:ext uri="{FF2B5EF4-FFF2-40B4-BE49-F238E27FC236}">
                <a16:creationId xmlns:a16="http://schemas.microsoft.com/office/drawing/2014/main" id="{A2338977-82A9-F2D9-5BDE-A3CF7FA19351}"/>
              </a:ext>
            </a:extLst>
          </p:cNvPr>
          <p:cNvSpPr txBox="1"/>
          <p:nvPr/>
        </p:nvSpPr>
        <p:spPr>
          <a:xfrm>
            <a:off x="623693" y="2297074"/>
            <a:ext cx="6332199" cy="276999"/>
          </a:xfrm>
          <a:prstGeom prst="rect">
            <a:avLst/>
          </a:prstGeom>
          <a:solidFill>
            <a:schemeClr val="accent1"/>
          </a:solidFill>
          <a:ln w="19050">
            <a:noFill/>
          </a:ln>
        </p:spPr>
        <p:txBody>
          <a:bodyPr wrap="square" lIns="0" tIns="0" rIns="0" bIns="0" rtlCol="0">
            <a:spAutoFit/>
          </a:bodyPr>
          <a:lstStyle/>
          <a:p>
            <a:pPr algn="ctr"/>
            <a:r>
              <a:rPr lang="fr-CH" b="1" dirty="0">
                <a:latin typeface="Arial" panose="020B0604020202020204" pitchFamily="34" charset="0"/>
                <a:cs typeface="Arial" panose="020B0604020202020204" pitchFamily="34" charset="0"/>
              </a:rPr>
              <a:t>Régime juridique applicable ?</a:t>
            </a:r>
          </a:p>
        </p:txBody>
      </p:sp>
      <p:sp>
        <p:nvSpPr>
          <p:cNvPr id="16" name="Textplatzhalter 15">
            <a:extLst>
              <a:ext uri="{FF2B5EF4-FFF2-40B4-BE49-F238E27FC236}">
                <a16:creationId xmlns:a16="http://schemas.microsoft.com/office/drawing/2014/main" id="{9E4F9300-30B3-A94A-F504-D2424E4FED6E}"/>
              </a:ext>
            </a:extLst>
          </p:cNvPr>
          <p:cNvSpPr>
            <a:spLocks noGrp="1"/>
          </p:cNvSpPr>
          <p:nvPr>
            <p:ph type="body" sz="quarter" idx="22"/>
          </p:nvPr>
        </p:nvSpPr>
        <p:spPr>
          <a:xfrm>
            <a:off x="3789793" y="2574074"/>
            <a:ext cx="3166099" cy="3591226"/>
          </a:xfrm>
          <a:solidFill>
            <a:schemeClr val="accent1"/>
          </a:solidFill>
        </p:spPr>
        <p:txBody>
          <a:bodyPr lIns="108000" tIns="108000" rIns="108000" bIns="108000"/>
          <a:lstStyle/>
          <a:p>
            <a:pPr marL="342900" indent="-342900" algn="just">
              <a:spcBef>
                <a:spcPts val="1200"/>
              </a:spcBef>
              <a:buFont typeface="Symbol" panose="05050102010706020507" pitchFamily="18" charset="2"/>
              <a:buChar char=""/>
            </a:pPr>
            <a:r>
              <a:rPr lang="fr-FR" sz="1400" kern="100" dirty="0">
                <a:latin typeface="Arial" panose="020B0604020202020204" pitchFamily="34" charset="0"/>
                <a:cs typeface="Arial" panose="020B0604020202020204" pitchFamily="34" charset="0"/>
              </a:rPr>
              <a:t>Devoir d’interpellation du juge</a:t>
            </a:r>
          </a:p>
          <a:p>
            <a:pPr marL="534988" lvl="2" indent="-173038" algn="just">
              <a:spcBef>
                <a:spcPts val="1200"/>
              </a:spcBef>
              <a:buFont typeface="Symbol" panose="05050102010706020507" pitchFamily="18" charset="2"/>
              <a:buChar char="-"/>
            </a:pPr>
            <a:r>
              <a:rPr lang="fr-FR" sz="1400" kern="100" dirty="0">
                <a:latin typeface="Arial" panose="020B0604020202020204" pitchFamily="34" charset="0"/>
                <a:cs typeface="Arial" panose="020B0604020202020204" pitchFamily="34" charset="0"/>
              </a:rPr>
              <a:t>Art. 56 et 247 al. 1 </a:t>
            </a:r>
            <a:r>
              <a:rPr lang="fr-FR" sz="1400" kern="100" dirty="0" err="1">
                <a:latin typeface="Arial" panose="020B0604020202020204" pitchFamily="34" charset="0"/>
                <a:cs typeface="Arial" panose="020B0604020202020204" pitchFamily="34" charset="0"/>
              </a:rPr>
              <a:t>CPC</a:t>
            </a:r>
            <a:endParaRPr lang="fr-FR" sz="1400" kern="100" dirty="0">
              <a:latin typeface="Arial" panose="020B0604020202020204" pitchFamily="34" charset="0"/>
              <a:cs typeface="Arial" panose="020B0604020202020204" pitchFamily="34" charset="0"/>
            </a:endParaRPr>
          </a:p>
          <a:p>
            <a:pPr marL="534988" lvl="2" indent="-173038" algn="just">
              <a:spcBef>
                <a:spcPts val="1200"/>
              </a:spcBef>
              <a:buFont typeface="Symbol" panose="05050102010706020507" pitchFamily="18" charset="2"/>
              <a:buChar char="-"/>
            </a:pPr>
            <a:r>
              <a:rPr lang="fr-FR" sz="1400" kern="100" dirty="0">
                <a:latin typeface="Arial" panose="020B0604020202020204" pitchFamily="34" charset="0"/>
                <a:cs typeface="Arial" panose="020B0604020202020204" pitchFamily="34" charset="0"/>
              </a:rPr>
              <a:t>Limité par le cadre du procès</a:t>
            </a:r>
          </a:p>
          <a:p>
            <a:pPr marL="534988" lvl="2" indent="-173038" algn="just">
              <a:spcBef>
                <a:spcPts val="1200"/>
              </a:spcBef>
              <a:buFont typeface="Symbol" panose="05050102010706020507" pitchFamily="18" charset="2"/>
              <a:buChar char="-"/>
            </a:pPr>
            <a:r>
              <a:rPr lang="fr-FR" sz="1400" kern="100" dirty="0">
                <a:latin typeface="Arial" panose="020B0604020202020204" pitchFamily="34" charset="0"/>
                <a:cs typeface="Arial" panose="020B0604020202020204" pitchFamily="34" charset="0"/>
              </a:rPr>
              <a:t>Ne saurait permettre de contourner l’art. 229 </a:t>
            </a:r>
            <a:r>
              <a:rPr lang="fr-FR" sz="1400" kern="100" dirty="0" err="1">
                <a:latin typeface="Arial" panose="020B0604020202020204" pitchFamily="34" charset="0"/>
                <a:cs typeface="Arial" panose="020B0604020202020204" pitchFamily="34" charset="0"/>
              </a:rPr>
              <a:t>CPC</a:t>
            </a:r>
            <a:endParaRPr lang="fr-FR" sz="1400" kern="100" dirty="0">
              <a:latin typeface="Arial" panose="020B0604020202020204" pitchFamily="34" charset="0"/>
              <a:cs typeface="Arial" panose="020B0604020202020204" pitchFamily="34" charset="0"/>
            </a:endParaRPr>
          </a:p>
          <a:p>
            <a:pPr marL="534988" lvl="2" indent="-173038" algn="just">
              <a:spcBef>
                <a:spcPts val="1200"/>
              </a:spcBef>
              <a:buFont typeface="Symbol" panose="05050102010706020507" pitchFamily="18" charset="2"/>
              <a:buChar char="-"/>
            </a:pPr>
            <a:r>
              <a:rPr lang="fr-FR" sz="1400" kern="100" dirty="0">
                <a:latin typeface="Arial" panose="020B0604020202020204" pitchFamily="34" charset="0"/>
                <a:cs typeface="Arial" panose="020B0604020202020204" pitchFamily="34" charset="0"/>
              </a:rPr>
              <a:t>Limité à la phase de l’allégation ?</a:t>
            </a:r>
          </a:p>
          <a:p>
            <a:pPr marL="342900" indent="-342900" algn="just">
              <a:lnSpc>
                <a:spcPct val="102000"/>
              </a:lnSpc>
              <a:spcBef>
                <a:spcPts val="1200"/>
              </a:spcBef>
              <a:buFont typeface="Symbol" panose="05050102010706020507" pitchFamily="18" charset="2"/>
              <a:buChar char=""/>
            </a:pPr>
            <a:r>
              <a:rPr lang="fr-CH" sz="1400" b="1" kern="100" dirty="0">
                <a:effectLst/>
                <a:latin typeface="Arial" panose="020B0604020202020204" pitchFamily="34" charset="0"/>
                <a:ea typeface="Calibri" panose="020F0502020204030204" pitchFamily="34" charset="0"/>
                <a:cs typeface="Arial" panose="020B0604020202020204" pitchFamily="34" charset="0"/>
              </a:rPr>
              <a:t>Mise en balance des intérêts poursuivis par les différentes maximes de procédure</a:t>
            </a:r>
          </a:p>
          <a:p>
            <a:pPr marL="342900" indent="-342900" algn="just">
              <a:lnSpc>
                <a:spcPct val="102000"/>
              </a:lnSpc>
              <a:buFont typeface="Symbol" panose="05050102010706020507" pitchFamily="18" charset="2"/>
              <a:buChar char=""/>
            </a:pPr>
            <a:endParaRPr lang="fr-FR" sz="1300" kern="100" dirty="0">
              <a:latin typeface="Arial" panose="020B0604020202020204" pitchFamily="34" charset="0"/>
              <a:cs typeface="Arial" panose="020B0604020202020204" pitchFamily="34" charset="0"/>
            </a:endParaRPr>
          </a:p>
          <a:p>
            <a:endParaRPr lang="fr-CH" dirty="0">
              <a:latin typeface="Arial" panose="020B0604020202020204" pitchFamily="34" charset="0"/>
              <a:cs typeface="Arial" panose="020B0604020202020204" pitchFamily="34" charset="0"/>
            </a:endParaRPr>
          </a:p>
        </p:txBody>
      </p:sp>
      <p:sp>
        <p:nvSpPr>
          <p:cNvPr id="20" name="Textfeld 19">
            <a:extLst>
              <a:ext uri="{FF2B5EF4-FFF2-40B4-BE49-F238E27FC236}">
                <a16:creationId xmlns:a16="http://schemas.microsoft.com/office/drawing/2014/main" id="{AA7CBD0A-098F-E8ED-5DDC-54FE61FA5692}"/>
              </a:ext>
            </a:extLst>
          </p:cNvPr>
          <p:cNvSpPr txBox="1"/>
          <p:nvPr/>
        </p:nvSpPr>
        <p:spPr>
          <a:xfrm>
            <a:off x="8040079" y="2297073"/>
            <a:ext cx="3527269" cy="276999"/>
          </a:xfrm>
          <a:prstGeom prst="rect">
            <a:avLst/>
          </a:prstGeom>
          <a:solidFill>
            <a:schemeClr val="accent3"/>
          </a:solidFill>
        </p:spPr>
        <p:txBody>
          <a:bodyPr wrap="square" lIns="0" tIns="0" rIns="0" bIns="0" rtlCol="0">
            <a:spAutoFit/>
          </a:bodyPr>
          <a:lstStyle/>
          <a:p>
            <a:pPr algn="ctr"/>
            <a:r>
              <a:rPr lang="fr-CH" b="1" dirty="0">
                <a:latin typeface="Arial" panose="020B0604020202020204" pitchFamily="34" charset="0"/>
                <a:cs typeface="Arial" panose="020B0604020202020204" pitchFamily="34" charset="0"/>
              </a:rPr>
              <a:t>Régime des </a:t>
            </a:r>
            <a:r>
              <a:rPr lang="fr-CH" b="1" i="1" dirty="0">
                <a:latin typeface="Arial" panose="020B0604020202020204" pitchFamily="34" charset="0"/>
                <a:cs typeface="Arial" panose="020B0604020202020204" pitchFamily="34" charset="0"/>
              </a:rPr>
              <a:t>nova</a:t>
            </a:r>
          </a:p>
        </p:txBody>
      </p:sp>
      <p:sp>
        <p:nvSpPr>
          <p:cNvPr id="30" name="Textfeld 29">
            <a:extLst>
              <a:ext uri="{FF2B5EF4-FFF2-40B4-BE49-F238E27FC236}">
                <a16:creationId xmlns:a16="http://schemas.microsoft.com/office/drawing/2014/main" id="{4FFE5FBA-723B-25D9-C7B4-A12C2685EA39}"/>
              </a:ext>
            </a:extLst>
          </p:cNvPr>
          <p:cNvSpPr txBox="1"/>
          <p:nvPr/>
        </p:nvSpPr>
        <p:spPr>
          <a:xfrm>
            <a:off x="623692" y="1691516"/>
            <a:ext cx="10943656" cy="369332"/>
          </a:xfrm>
          <a:prstGeom prst="rect">
            <a:avLst/>
          </a:prstGeom>
          <a:noFill/>
        </p:spPr>
        <p:txBody>
          <a:bodyPr wrap="square">
            <a:spAutoFit/>
          </a:bodyPr>
          <a:lstStyle/>
          <a:p>
            <a:pPr algn="ctr"/>
            <a:r>
              <a:rPr lang="fr-CH" b="1" dirty="0">
                <a:latin typeface="Arial" panose="020B0604020202020204" pitchFamily="34" charset="0"/>
                <a:cs typeface="Arial" panose="020B0604020202020204" pitchFamily="34" charset="0"/>
              </a:rPr>
              <a:t>Admissibilité selon les exigences des </a:t>
            </a:r>
            <a:r>
              <a:rPr lang="fr-CH" b="1" i="1" dirty="0">
                <a:latin typeface="Arial" panose="020B0604020202020204" pitchFamily="34" charset="0"/>
                <a:cs typeface="Arial" panose="020B0604020202020204" pitchFamily="34" charset="0"/>
              </a:rPr>
              <a:t>nova</a:t>
            </a:r>
            <a:endParaRPr lang="fr-CH" i="1" dirty="0">
              <a:latin typeface="Arial" panose="020B0604020202020204" pitchFamily="34" charset="0"/>
              <a:cs typeface="Arial" panose="020B0604020202020204" pitchFamily="34" charset="0"/>
            </a:endParaRPr>
          </a:p>
        </p:txBody>
      </p:sp>
      <p:grpSp>
        <p:nvGrpSpPr>
          <p:cNvPr id="7" name="fast-forward">
            <a:extLst>
              <a:ext uri="{FF2B5EF4-FFF2-40B4-BE49-F238E27FC236}">
                <a16:creationId xmlns:a16="http://schemas.microsoft.com/office/drawing/2014/main" id="{165E207A-62A5-0B4E-4D87-6778AFC94D57}"/>
              </a:ext>
            </a:extLst>
          </p:cNvPr>
          <p:cNvGrpSpPr>
            <a:grpSpLocks noChangeAspect="1"/>
          </p:cNvGrpSpPr>
          <p:nvPr/>
        </p:nvGrpSpPr>
        <p:grpSpPr>
          <a:xfrm>
            <a:off x="7047915" y="2124072"/>
            <a:ext cx="900000" cy="900000"/>
            <a:chOff x="63500" y="63500"/>
            <a:chExt cx="457200" cy="457200"/>
          </a:xfrm>
        </p:grpSpPr>
        <p:sp>
          <p:nvSpPr>
            <p:cNvPr id="9" name="Freeform: Shape 2">
              <a:extLst>
                <a:ext uri="{FF2B5EF4-FFF2-40B4-BE49-F238E27FC236}">
                  <a16:creationId xmlns:a16="http://schemas.microsoft.com/office/drawing/2014/main" id="{0745287C-1098-536F-5D53-3D17A57597E4}"/>
                </a:ext>
              </a:extLst>
            </p:cNvPr>
            <p:cNvSpPr/>
            <p:nvPr/>
          </p:nvSpPr>
          <p:spPr>
            <a:xfrm>
              <a:off x="311150" y="158750"/>
              <a:ext cx="171450" cy="266700"/>
            </a:xfrm>
            <a:custGeom>
              <a:avLst/>
              <a:gdLst>
                <a:gd name="connsiteX0" fmla="*/ 0 w 171450"/>
                <a:gd name="connsiteY0" fmla="*/ 266700 h 266700"/>
                <a:gd name="connsiteX1" fmla="*/ 171450 w 171450"/>
                <a:gd name="connsiteY1" fmla="*/ 133350 h 266700"/>
                <a:gd name="connsiteX2" fmla="*/ 0 w 171450"/>
                <a:gd name="connsiteY2" fmla="*/ 0 h 266700"/>
                <a:gd name="connsiteX3" fmla="*/ 0 w 171450"/>
                <a:gd name="connsiteY3" fmla="*/ 266700 h 266700"/>
              </a:gdLst>
              <a:ahLst/>
              <a:cxnLst>
                <a:cxn ang="0">
                  <a:pos x="connsiteX0" y="connsiteY0"/>
                </a:cxn>
                <a:cxn ang="0">
                  <a:pos x="connsiteX1" y="connsiteY1"/>
                </a:cxn>
                <a:cxn ang="0">
                  <a:pos x="connsiteX2" y="connsiteY2"/>
                </a:cxn>
                <a:cxn ang="0">
                  <a:pos x="connsiteX3" y="connsiteY3"/>
                </a:cxn>
              </a:cxnLst>
              <a:rect l="l" t="t" r="r" b="b"/>
              <a:pathLst>
                <a:path w="171450" h="266700">
                  <a:moveTo>
                    <a:pt x="0" y="266700"/>
                  </a:moveTo>
                  <a:lnTo>
                    <a:pt x="171450" y="133350"/>
                  </a:lnTo>
                  <a:lnTo>
                    <a:pt x="0" y="0"/>
                  </a:lnTo>
                  <a:lnTo>
                    <a:pt x="0" y="266700"/>
                  </a:lnTo>
                  <a:close/>
                </a:path>
              </a:pathLst>
            </a:custGeom>
            <a:noFill/>
            <a:ln w="12700" cap="rnd">
              <a:solidFill>
                <a:schemeClr val="accent3"/>
              </a:solidFill>
              <a:prstDash val="solid"/>
              <a:round/>
            </a:ln>
          </p:spPr>
          <p:txBody>
            <a:bodyPr rtlCol="0" anchor="ctr"/>
            <a:lstStyle/>
            <a:p>
              <a:endParaRPr lang="de-CH" dirty="0">
                <a:latin typeface="Arial" panose="020B0604020202020204" pitchFamily="34" charset="0"/>
                <a:cs typeface="Arial" panose="020B0604020202020204" pitchFamily="34" charset="0"/>
              </a:endParaRPr>
            </a:p>
          </p:txBody>
        </p:sp>
        <p:sp>
          <p:nvSpPr>
            <p:cNvPr id="10" name="Freeform: Shape 3">
              <a:extLst>
                <a:ext uri="{FF2B5EF4-FFF2-40B4-BE49-F238E27FC236}">
                  <a16:creationId xmlns:a16="http://schemas.microsoft.com/office/drawing/2014/main" id="{3531ABA8-1F42-D9B8-5D38-749A988C8238}"/>
                </a:ext>
              </a:extLst>
            </p:cNvPr>
            <p:cNvSpPr/>
            <p:nvPr/>
          </p:nvSpPr>
          <p:spPr>
            <a:xfrm>
              <a:off x="101600" y="158750"/>
              <a:ext cx="171450" cy="266700"/>
            </a:xfrm>
            <a:custGeom>
              <a:avLst/>
              <a:gdLst>
                <a:gd name="connsiteX0" fmla="*/ 0 w 171450"/>
                <a:gd name="connsiteY0" fmla="*/ 266700 h 266700"/>
                <a:gd name="connsiteX1" fmla="*/ 171450 w 171450"/>
                <a:gd name="connsiteY1" fmla="*/ 133350 h 266700"/>
                <a:gd name="connsiteX2" fmla="*/ 0 w 171450"/>
                <a:gd name="connsiteY2" fmla="*/ 0 h 266700"/>
                <a:gd name="connsiteX3" fmla="*/ 0 w 171450"/>
                <a:gd name="connsiteY3" fmla="*/ 266700 h 266700"/>
              </a:gdLst>
              <a:ahLst/>
              <a:cxnLst>
                <a:cxn ang="0">
                  <a:pos x="connsiteX0" y="connsiteY0"/>
                </a:cxn>
                <a:cxn ang="0">
                  <a:pos x="connsiteX1" y="connsiteY1"/>
                </a:cxn>
                <a:cxn ang="0">
                  <a:pos x="connsiteX2" y="connsiteY2"/>
                </a:cxn>
                <a:cxn ang="0">
                  <a:pos x="connsiteX3" y="connsiteY3"/>
                </a:cxn>
              </a:cxnLst>
              <a:rect l="l" t="t" r="r" b="b"/>
              <a:pathLst>
                <a:path w="171450" h="266700">
                  <a:moveTo>
                    <a:pt x="0" y="266700"/>
                  </a:moveTo>
                  <a:lnTo>
                    <a:pt x="171450" y="133350"/>
                  </a:lnTo>
                  <a:lnTo>
                    <a:pt x="0" y="0"/>
                  </a:lnTo>
                  <a:lnTo>
                    <a:pt x="0" y="266700"/>
                  </a:lnTo>
                  <a:close/>
                </a:path>
              </a:pathLst>
            </a:custGeom>
            <a:noFill/>
            <a:ln w="12700" cap="rnd">
              <a:solidFill>
                <a:schemeClr val="tx2"/>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grpSp>
      <p:grpSp>
        <p:nvGrpSpPr>
          <p:cNvPr id="11" name="arrow-down-circle">
            <a:extLst>
              <a:ext uri="{FF2B5EF4-FFF2-40B4-BE49-F238E27FC236}">
                <a16:creationId xmlns:a16="http://schemas.microsoft.com/office/drawing/2014/main" id="{DA49FA95-88AE-B634-AD0B-FD1E75BB16D9}"/>
              </a:ext>
            </a:extLst>
          </p:cNvPr>
          <p:cNvGrpSpPr>
            <a:grpSpLocks noChangeAspect="1"/>
          </p:cNvGrpSpPr>
          <p:nvPr/>
        </p:nvGrpSpPr>
        <p:grpSpPr>
          <a:xfrm>
            <a:off x="5800938" y="1038677"/>
            <a:ext cx="590123" cy="590123"/>
            <a:chOff x="63500" y="63500"/>
            <a:chExt cx="457200" cy="457200"/>
          </a:xfrm>
          <a:solidFill>
            <a:schemeClr val="bg2">
              <a:lumMod val="40000"/>
              <a:lumOff val="60000"/>
            </a:schemeClr>
          </a:solidFill>
        </p:grpSpPr>
        <p:sp>
          <p:nvSpPr>
            <p:cNvPr id="12" name="Freeform: Shape 13">
              <a:extLst>
                <a:ext uri="{FF2B5EF4-FFF2-40B4-BE49-F238E27FC236}">
                  <a16:creationId xmlns:a16="http://schemas.microsoft.com/office/drawing/2014/main" id="{E61B413C-8F80-FAFA-A744-26F6409A1591}"/>
                </a:ext>
              </a:extLst>
            </p:cNvPr>
            <p:cNvSpPr/>
            <p:nvPr/>
          </p:nvSpPr>
          <p:spPr>
            <a:xfrm>
              <a:off x="101600" y="101600"/>
              <a:ext cx="381000" cy="381000"/>
            </a:xfrm>
            <a:custGeom>
              <a:avLst/>
              <a:gdLst>
                <a:gd name="connsiteX0" fmla="*/ 381000 w 381000"/>
                <a:gd name="connsiteY0" fmla="*/ 190500 h 381000"/>
                <a:gd name="connsiteX1" fmla="*/ 190500 w 381000"/>
                <a:gd name="connsiteY1" fmla="*/ 381000 h 381000"/>
                <a:gd name="connsiteX2" fmla="*/ 0 w 381000"/>
                <a:gd name="connsiteY2" fmla="*/ 190500 h 381000"/>
                <a:gd name="connsiteX3" fmla="*/ 190500 w 381000"/>
                <a:gd name="connsiteY3" fmla="*/ 0 h 381000"/>
                <a:gd name="connsiteX4" fmla="*/ 381000 w 381000"/>
                <a:gd name="connsiteY4" fmla="*/ 190500 h 381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1000" h="381000">
                  <a:moveTo>
                    <a:pt x="381000" y="190500"/>
                  </a:moveTo>
                  <a:cubicBezTo>
                    <a:pt x="381000" y="295710"/>
                    <a:pt x="295710" y="381000"/>
                    <a:pt x="190500" y="381000"/>
                  </a:cubicBezTo>
                  <a:cubicBezTo>
                    <a:pt x="85290" y="381000"/>
                    <a:pt x="0" y="295710"/>
                    <a:pt x="0" y="190500"/>
                  </a:cubicBezTo>
                  <a:cubicBezTo>
                    <a:pt x="0" y="85290"/>
                    <a:pt x="85290" y="0"/>
                    <a:pt x="190500" y="0"/>
                  </a:cubicBezTo>
                  <a:cubicBezTo>
                    <a:pt x="295710" y="0"/>
                    <a:pt x="381000" y="85290"/>
                    <a:pt x="381000" y="190500"/>
                  </a:cubicBezTo>
                  <a:close/>
                </a:path>
              </a:pathLst>
            </a:custGeom>
            <a:grpFill/>
            <a:ln w="12700" cap="rnd">
              <a:solidFill>
                <a:schemeClr val="bg2">
                  <a:lumMod val="50000"/>
                </a:schemeClr>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sp>
          <p:nvSpPr>
            <p:cNvPr id="13" name="Freeform: Shape 14">
              <a:extLst>
                <a:ext uri="{FF2B5EF4-FFF2-40B4-BE49-F238E27FC236}">
                  <a16:creationId xmlns:a16="http://schemas.microsoft.com/office/drawing/2014/main" id="{C879B59B-5F70-3DCE-2888-1AE3520CF8F1}"/>
                </a:ext>
              </a:extLst>
            </p:cNvPr>
            <p:cNvSpPr/>
            <p:nvPr/>
          </p:nvSpPr>
          <p:spPr>
            <a:xfrm>
              <a:off x="215900" y="292100"/>
              <a:ext cx="152400" cy="76200"/>
            </a:xfrm>
            <a:custGeom>
              <a:avLst/>
              <a:gdLst>
                <a:gd name="connsiteX0" fmla="*/ 0 w 152400"/>
                <a:gd name="connsiteY0" fmla="*/ 0 h 76200"/>
                <a:gd name="connsiteX1" fmla="*/ 76200 w 152400"/>
                <a:gd name="connsiteY1" fmla="*/ 76200 h 76200"/>
                <a:gd name="connsiteX2" fmla="*/ 152400 w 152400"/>
                <a:gd name="connsiteY2" fmla="*/ 0 h 76200"/>
              </a:gdLst>
              <a:ahLst/>
              <a:cxnLst>
                <a:cxn ang="0">
                  <a:pos x="connsiteX0" y="connsiteY0"/>
                </a:cxn>
                <a:cxn ang="0">
                  <a:pos x="connsiteX1" y="connsiteY1"/>
                </a:cxn>
                <a:cxn ang="0">
                  <a:pos x="connsiteX2" y="connsiteY2"/>
                </a:cxn>
              </a:cxnLst>
              <a:rect l="l" t="t" r="r" b="b"/>
              <a:pathLst>
                <a:path w="152400" h="76200">
                  <a:moveTo>
                    <a:pt x="0" y="0"/>
                  </a:moveTo>
                  <a:lnTo>
                    <a:pt x="76200" y="76200"/>
                  </a:lnTo>
                  <a:lnTo>
                    <a:pt x="152400" y="0"/>
                  </a:lnTo>
                </a:path>
              </a:pathLst>
            </a:custGeom>
            <a:grpFill/>
            <a:ln w="12700" cap="rnd">
              <a:solidFill>
                <a:schemeClr val="bg2">
                  <a:lumMod val="50000"/>
                </a:schemeClr>
              </a:solidFill>
              <a:prstDash val="solid"/>
              <a:round/>
            </a:ln>
          </p:spPr>
          <p:txBody>
            <a:bodyPr rtlCol="0" anchor="ctr"/>
            <a:lstStyle/>
            <a:p>
              <a:endParaRPr lang="de-CH" b="1" dirty="0">
                <a:latin typeface="Arial" panose="020B0604020202020204" pitchFamily="34" charset="0"/>
                <a:cs typeface="Arial" panose="020B0604020202020204" pitchFamily="34" charset="0"/>
              </a:endParaRPr>
            </a:p>
          </p:txBody>
        </p:sp>
        <p:sp>
          <p:nvSpPr>
            <p:cNvPr id="14" name="Freeform: Shape 15">
              <a:extLst>
                <a:ext uri="{FF2B5EF4-FFF2-40B4-BE49-F238E27FC236}">
                  <a16:creationId xmlns:a16="http://schemas.microsoft.com/office/drawing/2014/main" id="{B4D6DA14-6E02-3FC1-B63A-7622138E1298}"/>
                </a:ext>
              </a:extLst>
            </p:cNvPr>
            <p:cNvSpPr/>
            <p:nvPr/>
          </p:nvSpPr>
          <p:spPr>
            <a:xfrm>
              <a:off x="292100" y="215900"/>
              <a:ext cx="19050" cy="152400"/>
            </a:xfrm>
            <a:custGeom>
              <a:avLst/>
              <a:gdLst>
                <a:gd name="connsiteX0" fmla="*/ 0 w 19050"/>
                <a:gd name="connsiteY0" fmla="*/ 0 h 152400"/>
                <a:gd name="connsiteX1" fmla="*/ 0 w 19050"/>
                <a:gd name="connsiteY1" fmla="*/ 152400 h 152400"/>
              </a:gdLst>
              <a:ahLst/>
              <a:cxnLst>
                <a:cxn ang="0">
                  <a:pos x="connsiteX0" y="connsiteY0"/>
                </a:cxn>
                <a:cxn ang="0">
                  <a:pos x="connsiteX1" y="connsiteY1"/>
                </a:cxn>
              </a:cxnLst>
              <a:rect l="l" t="t" r="r" b="b"/>
              <a:pathLst>
                <a:path w="19050" h="152400">
                  <a:moveTo>
                    <a:pt x="0" y="0"/>
                  </a:moveTo>
                  <a:lnTo>
                    <a:pt x="0" y="152400"/>
                  </a:lnTo>
                </a:path>
              </a:pathLst>
            </a:custGeom>
            <a:grpFill/>
            <a:ln w="12700" cap="rnd">
              <a:solidFill>
                <a:schemeClr val="bg2">
                  <a:lumMod val="50000"/>
                </a:schemeClr>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grpSp>
      <p:sp>
        <p:nvSpPr>
          <p:cNvPr id="15" name="Titel 1">
            <a:extLst>
              <a:ext uri="{FF2B5EF4-FFF2-40B4-BE49-F238E27FC236}">
                <a16:creationId xmlns:a16="http://schemas.microsoft.com/office/drawing/2014/main" id="{6BCBD496-3F7C-C08C-EC90-C106E93CB840}"/>
              </a:ext>
            </a:extLst>
          </p:cNvPr>
          <p:cNvSpPr txBox="1">
            <a:spLocks/>
          </p:cNvSpPr>
          <p:nvPr/>
        </p:nvSpPr>
        <p:spPr>
          <a:xfrm>
            <a:off x="335360" y="446738"/>
            <a:ext cx="9360000" cy="461982"/>
          </a:xfrm>
          <a:prstGeom prst="rect">
            <a:avLst/>
          </a:prstGeom>
        </p:spPr>
        <p:txBody>
          <a:bodyPr vert="horz" lIns="0" tIns="0" rIns="0" bIns="0" rtlCol="0" anchor="t">
            <a:noAutofit/>
          </a:bodyPr>
          <a:lstStyle>
            <a:lvl1pPr algn="l" defTabSz="914400" rtl="0" eaLnBrk="1" latinLnBrk="0" hangingPunct="1">
              <a:lnSpc>
                <a:spcPct val="90000"/>
              </a:lnSpc>
              <a:spcBef>
                <a:spcPct val="0"/>
              </a:spcBef>
              <a:buNone/>
              <a:tabLst>
                <a:tab pos="270000" algn="l"/>
              </a:tabLst>
              <a:defRPr sz="1000" b="1" kern="1200">
                <a:solidFill>
                  <a:schemeClr val="tx1"/>
                </a:solidFill>
                <a:latin typeface="+mj-lt"/>
                <a:ea typeface="+mj-ea"/>
                <a:cs typeface="+mj-cs"/>
              </a:defRPr>
            </a:lvl1pPr>
          </a:lstStyle>
          <a:p>
            <a:r>
              <a:rPr lang="fr-CH" b="0" dirty="0">
                <a:latin typeface="Arial" panose="020B0604020202020204" pitchFamily="34" charset="0"/>
                <a:cs typeface="Arial" panose="020B0604020202020204" pitchFamily="34" charset="0"/>
              </a:rPr>
              <a:t>B.	Solution proposée</a:t>
            </a:r>
            <a:br>
              <a:rPr lang="fr-CH" dirty="0">
                <a:latin typeface="Arial" panose="020B0604020202020204" pitchFamily="34" charset="0"/>
                <a:cs typeface="Arial" panose="020B0604020202020204" pitchFamily="34" charset="0"/>
              </a:rPr>
            </a:br>
            <a:r>
              <a:rPr lang="fr-CH" dirty="0">
                <a:latin typeface="Arial" panose="020B0604020202020204" pitchFamily="34" charset="0"/>
                <a:cs typeface="Arial" panose="020B0604020202020204" pitchFamily="34" charset="0"/>
              </a:rPr>
              <a:t>3.	Faits exorbitants au sens propre</a:t>
            </a:r>
          </a:p>
        </p:txBody>
      </p:sp>
      <p:sp>
        <p:nvSpPr>
          <p:cNvPr id="18" name="Textfeld 17">
            <a:extLst>
              <a:ext uri="{FF2B5EF4-FFF2-40B4-BE49-F238E27FC236}">
                <a16:creationId xmlns:a16="http://schemas.microsoft.com/office/drawing/2014/main" id="{867CEF7C-464D-12E9-BF47-09A378735806}"/>
              </a:ext>
            </a:extLst>
          </p:cNvPr>
          <p:cNvSpPr txBox="1"/>
          <p:nvPr/>
        </p:nvSpPr>
        <p:spPr>
          <a:xfrm>
            <a:off x="11496600" y="260648"/>
            <a:ext cx="504056" cy="1584176"/>
          </a:xfrm>
          <a:prstGeom prst="rect">
            <a:avLst/>
          </a:prstGeom>
          <a:solidFill>
            <a:schemeClr val="bg1"/>
          </a:solidFill>
        </p:spPr>
        <p:txBody>
          <a:bodyPr wrap="square" lIns="0" tIns="0" rIns="0" bIns="0" rtlCol="0">
            <a:spAutoFit/>
          </a:bodyPr>
          <a:lstStyle/>
          <a:p>
            <a:pPr algn="l"/>
            <a:endParaRPr lang="de-CH" dirty="0" err="1"/>
          </a:p>
        </p:txBody>
      </p:sp>
    </p:spTree>
    <p:extLst>
      <p:ext uri="{BB962C8B-B14F-4D97-AF65-F5344CB8AC3E}">
        <p14:creationId xmlns:p14="http://schemas.microsoft.com/office/powerpoint/2010/main" val="306363497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platzhalter 3">
            <a:extLst>
              <a:ext uri="{FF2B5EF4-FFF2-40B4-BE49-F238E27FC236}">
                <a16:creationId xmlns:a16="http://schemas.microsoft.com/office/drawing/2014/main" id="{D5AD8ADF-6B84-7534-7CFB-A797E25D88E4}"/>
              </a:ext>
            </a:extLst>
          </p:cNvPr>
          <p:cNvSpPr>
            <a:spLocks noGrp="1"/>
          </p:cNvSpPr>
          <p:nvPr>
            <p:ph type="body" sz="quarter" idx="15"/>
          </p:nvPr>
        </p:nvSpPr>
        <p:spPr>
          <a:xfrm>
            <a:off x="334963" y="2060848"/>
            <a:ext cx="2879725" cy="4024312"/>
          </a:xfrm>
        </p:spPr>
        <p:txBody>
          <a:bodyPr/>
          <a:lstStyle/>
          <a:p>
            <a:r>
              <a:rPr lang="fr-CH" sz="2000" b="1" dirty="0">
                <a:latin typeface="Arial" panose="020B0604020202020204" pitchFamily="34" charset="0"/>
                <a:cs typeface="Arial" panose="020B0604020202020204" pitchFamily="34" charset="0"/>
              </a:rPr>
              <a:t>Schéma récapitulatif</a:t>
            </a:r>
          </a:p>
          <a:p>
            <a:endParaRPr lang="fr-CH" dirty="0">
              <a:latin typeface="Arial" panose="020B0604020202020204" pitchFamily="34" charset="0"/>
              <a:cs typeface="Arial" panose="020B0604020202020204" pitchFamily="34" charset="0"/>
            </a:endParaRPr>
          </a:p>
        </p:txBody>
      </p:sp>
      <p:sp>
        <p:nvSpPr>
          <p:cNvPr id="5" name="Foliennummernplatzhalter 4">
            <a:extLst>
              <a:ext uri="{FF2B5EF4-FFF2-40B4-BE49-F238E27FC236}">
                <a16:creationId xmlns:a16="http://schemas.microsoft.com/office/drawing/2014/main" id="{A4E572CF-52F2-1BF3-0DB5-C35242851EC0}"/>
              </a:ext>
            </a:extLst>
          </p:cNvPr>
          <p:cNvSpPr>
            <a:spLocks noGrp="1"/>
          </p:cNvSpPr>
          <p:nvPr>
            <p:ph type="sldNum" sz="quarter" idx="16"/>
          </p:nvPr>
        </p:nvSpPr>
        <p:spPr>
          <a:xfrm>
            <a:off x="6315" y="7173416"/>
            <a:ext cx="0" cy="0"/>
          </a:xfrm>
        </p:spPr>
        <p:txBody>
          <a:bodyPr/>
          <a:lstStyle/>
          <a:p>
            <a:fld id="{93CBC364-D1BE-4555-812A-AA940301E71E}" type="slidenum">
              <a:rPr lang="fr-CH" smtClean="0">
                <a:latin typeface="Arial" panose="020B0604020202020204" pitchFamily="34" charset="0"/>
                <a:cs typeface="Arial" panose="020B0604020202020204" pitchFamily="34" charset="0"/>
              </a:rPr>
              <a:pPr/>
              <a:t>11</a:t>
            </a:fld>
            <a:endParaRPr lang="fr-CH" dirty="0">
              <a:latin typeface="Arial" panose="020B0604020202020204" pitchFamily="34" charset="0"/>
              <a:cs typeface="Arial" panose="020B0604020202020204" pitchFamily="34" charset="0"/>
            </a:endParaRPr>
          </a:p>
        </p:txBody>
      </p:sp>
      <p:sp>
        <p:nvSpPr>
          <p:cNvPr id="6" name="Inhaltsplatzhalter 9">
            <a:extLst>
              <a:ext uri="{FF2B5EF4-FFF2-40B4-BE49-F238E27FC236}">
                <a16:creationId xmlns:a16="http://schemas.microsoft.com/office/drawing/2014/main" id="{08BDFA9B-7BCB-6E43-2989-9FE08B3F2C6C}"/>
              </a:ext>
            </a:extLst>
          </p:cNvPr>
          <p:cNvSpPr txBox="1">
            <a:spLocks/>
          </p:cNvSpPr>
          <p:nvPr/>
        </p:nvSpPr>
        <p:spPr>
          <a:xfrm>
            <a:off x="5159374" y="2231529"/>
            <a:ext cx="4537075" cy="4033837"/>
          </a:xfrm>
          <a:prstGeom prst="rect">
            <a:avLst/>
          </a:prstGeom>
        </p:spPr>
        <p:txBody>
          <a:bodyPr/>
          <a:lstStyle>
            <a:lvl1pPr marL="228600" indent="-228600" algn="l" defTabSz="914400" rtl="0" eaLnBrk="1" latinLnBrk="0" hangingPunct="1">
              <a:lnSpc>
                <a:spcPct val="122000"/>
              </a:lnSpc>
              <a:spcBef>
                <a:spcPts val="400"/>
              </a:spcBef>
              <a:buFont typeface="Aktiv Grotesk Homburger" panose="020B0404020202020204" pitchFamily="34" charset="0"/>
              <a:buChar char="—"/>
              <a:defRPr sz="1200" kern="1200">
                <a:solidFill>
                  <a:schemeClr val="tx1"/>
                </a:solidFill>
                <a:latin typeface="+mn-lt"/>
                <a:ea typeface="+mn-ea"/>
                <a:cs typeface="+mn-cs"/>
              </a:defRPr>
            </a:lvl1pPr>
            <a:lvl2pPr marL="460800" indent="-230400" algn="l" defTabSz="914400" rtl="0" eaLnBrk="1" latinLnBrk="0" hangingPunct="1">
              <a:lnSpc>
                <a:spcPct val="122000"/>
              </a:lnSpc>
              <a:spcBef>
                <a:spcPts val="400"/>
              </a:spcBef>
              <a:buFont typeface="Aktiv Grotesk Homburger" panose="020B0404020202020204" pitchFamily="34" charset="0"/>
              <a:buChar char="◦"/>
              <a:defRPr sz="1200" kern="1200">
                <a:solidFill>
                  <a:schemeClr val="tx1"/>
                </a:solidFill>
                <a:latin typeface="+mn-lt"/>
                <a:ea typeface="+mn-ea"/>
                <a:cs typeface="+mn-cs"/>
              </a:defRPr>
            </a:lvl2pPr>
            <a:lvl3pPr marL="6912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3pPr>
            <a:lvl4pPr marL="9216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4pPr>
            <a:lvl5pPr marL="11520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5pPr>
            <a:lvl6pPr marL="13824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6pPr>
            <a:lvl7pPr marL="16128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7pPr>
            <a:lvl8pPr marL="18432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8pPr>
            <a:lvl9pPr marL="20736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9pPr>
          </a:lstStyle>
          <a:p>
            <a:pPr marL="0" indent="0">
              <a:buFont typeface="Aktiv Grotesk Homburger" panose="020B0404020202020204" pitchFamily="34" charset="0"/>
              <a:buNone/>
            </a:pPr>
            <a:endParaRPr lang="fr-CH" sz="1800" kern="100" dirty="0">
              <a:highlight>
                <a:srgbClr val="00FF00"/>
              </a:highlight>
              <a:latin typeface="Arial" panose="020B0604020202020204" pitchFamily="34" charset="0"/>
              <a:ea typeface="Calibri" panose="020F0502020204030204" pitchFamily="34" charset="0"/>
              <a:cs typeface="Arial" panose="020B0604020202020204" pitchFamily="34" charset="0"/>
            </a:endParaRPr>
          </a:p>
          <a:p>
            <a:endParaRPr lang="fr-CH" dirty="0">
              <a:latin typeface="Arial" panose="020B0604020202020204" pitchFamily="34" charset="0"/>
              <a:cs typeface="Arial" panose="020B0604020202020204" pitchFamily="34" charset="0"/>
            </a:endParaRPr>
          </a:p>
        </p:txBody>
      </p:sp>
      <p:sp>
        <p:nvSpPr>
          <p:cNvPr id="9" name="Foliennummernplatzhalter 5">
            <a:extLst>
              <a:ext uri="{FF2B5EF4-FFF2-40B4-BE49-F238E27FC236}">
                <a16:creationId xmlns:a16="http://schemas.microsoft.com/office/drawing/2014/main" id="{83E5BF68-D1F6-202B-37F5-9050BBE68998}"/>
              </a:ext>
            </a:extLst>
          </p:cNvPr>
          <p:cNvSpPr txBox="1">
            <a:spLocks/>
          </p:cNvSpPr>
          <p:nvPr/>
        </p:nvSpPr>
        <p:spPr>
          <a:xfrm>
            <a:off x="6315" y="7173416"/>
            <a:ext cx="0" cy="0"/>
          </a:xfrm>
          <a:prstGeom prst="rect">
            <a:avLst/>
          </a:prstGeom>
        </p:spPr>
        <p:txBody>
          <a:bodyPr vert="horz" wrap="none" lIns="0" tIns="0" rIns="0" bIns="0" rtlCol="0" anchor="b">
            <a:noAutofit/>
          </a:bodyPr>
          <a:lstStyle>
            <a:defPPr>
              <a:defRPr lang="en-US"/>
            </a:defPPr>
            <a:lvl1pPr marL="0" algn="r" defTabSz="914400" rtl="0" eaLnBrk="1" latinLnBrk="0" hangingPunct="1">
              <a:defRPr sz="800" kern="1200" baseline="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0F5BE47B-5B54-4AD9-B1B6-96383882CD99}" type="slidenum">
              <a:rPr lang="fr-CH" smtClean="0">
                <a:latin typeface="Arial" panose="020B0604020202020204" pitchFamily="34" charset="0"/>
                <a:cs typeface="Arial" panose="020B0604020202020204" pitchFamily="34" charset="0"/>
              </a:rPr>
              <a:pPr/>
              <a:t>11</a:t>
            </a:fld>
            <a:endParaRPr lang="fr-CH" dirty="0">
              <a:latin typeface="Arial" panose="020B0604020202020204" pitchFamily="34" charset="0"/>
              <a:cs typeface="Arial" panose="020B0604020202020204" pitchFamily="34" charset="0"/>
            </a:endParaRPr>
          </a:p>
        </p:txBody>
      </p:sp>
      <p:sp>
        <p:nvSpPr>
          <p:cNvPr id="11" name="Inhaltsplatzhalter 9">
            <a:extLst>
              <a:ext uri="{FF2B5EF4-FFF2-40B4-BE49-F238E27FC236}">
                <a16:creationId xmlns:a16="http://schemas.microsoft.com/office/drawing/2014/main" id="{5A49440F-3135-7DC4-0C8F-576785453030}"/>
              </a:ext>
            </a:extLst>
          </p:cNvPr>
          <p:cNvSpPr txBox="1">
            <a:spLocks/>
          </p:cNvSpPr>
          <p:nvPr/>
        </p:nvSpPr>
        <p:spPr>
          <a:xfrm>
            <a:off x="5159374" y="2231529"/>
            <a:ext cx="4537075" cy="4033837"/>
          </a:xfrm>
          <a:prstGeom prst="rect">
            <a:avLst/>
          </a:prstGeom>
        </p:spPr>
        <p:txBody>
          <a:bodyPr vert="horz" lIns="0" tIns="0" rIns="0" bIns="0" rtlCol="0">
            <a:noAutofit/>
          </a:bodyPr>
          <a:lstStyle>
            <a:lvl1pPr marL="228600" indent="-228600" algn="l" defTabSz="914400" rtl="0" eaLnBrk="1" latinLnBrk="0" hangingPunct="1">
              <a:lnSpc>
                <a:spcPct val="122000"/>
              </a:lnSpc>
              <a:spcBef>
                <a:spcPts val="400"/>
              </a:spcBef>
              <a:buFont typeface="Aktiv Grotesk Homburger" panose="020B0404020202020204" pitchFamily="34" charset="0"/>
              <a:buChar char="—"/>
              <a:defRPr sz="1200" kern="1200">
                <a:solidFill>
                  <a:schemeClr val="tx1"/>
                </a:solidFill>
                <a:latin typeface="+mn-lt"/>
                <a:ea typeface="+mn-ea"/>
                <a:cs typeface="+mn-cs"/>
              </a:defRPr>
            </a:lvl1pPr>
            <a:lvl2pPr marL="460800" indent="-230400" algn="l" defTabSz="914400" rtl="0" eaLnBrk="1" latinLnBrk="0" hangingPunct="1">
              <a:lnSpc>
                <a:spcPct val="122000"/>
              </a:lnSpc>
              <a:spcBef>
                <a:spcPts val="400"/>
              </a:spcBef>
              <a:buFont typeface="Aktiv Grotesk Homburger" panose="020B0404020202020204" pitchFamily="34" charset="0"/>
              <a:buChar char="◦"/>
              <a:defRPr sz="1200" kern="1200">
                <a:solidFill>
                  <a:schemeClr val="tx1"/>
                </a:solidFill>
                <a:latin typeface="+mn-lt"/>
                <a:ea typeface="+mn-ea"/>
                <a:cs typeface="+mn-cs"/>
              </a:defRPr>
            </a:lvl2pPr>
            <a:lvl3pPr marL="6912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3pPr>
            <a:lvl4pPr marL="9216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4pPr>
            <a:lvl5pPr marL="11520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5pPr>
            <a:lvl6pPr marL="13824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6pPr>
            <a:lvl7pPr marL="16128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7pPr>
            <a:lvl8pPr marL="18432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8pPr>
            <a:lvl9pPr marL="20736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9pPr>
          </a:lstStyle>
          <a:p>
            <a:pPr marL="0" indent="0">
              <a:buFont typeface="Aktiv Grotesk Homburger" panose="020B0404020202020204" pitchFamily="34" charset="0"/>
              <a:buNone/>
            </a:pPr>
            <a:endParaRPr lang="fr-CH" sz="1800" kern="100" dirty="0">
              <a:latin typeface="Arial" panose="020B0604020202020204" pitchFamily="34" charset="0"/>
              <a:ea typeface="Calibri" panose="020F0502020204030204" pitchFamily="34" charset="0"/>
              <a:cs typeface="Arial" panose="020B0604020202020204" pitchFamily="34" charset="0"/>
            </a:endParaRPr>
          </a:p>
          <a:p>
            <a:pPr marL="0" indent="0">
              <a:buFont typeface="Aktiv Grotesk Homburger" panose="020B0404020202020204" pitchFamily="34" charset="0"/>
              <a:buNone/>
            </a:pPr>
            <a:endParaRPr lang="fr-CH" sz="1800" kern="100" dirty="0">
              <a:latin typeface="Arial" panose="020B0604020202020204" pitchFamily="34" charset="0"/>
              <a:ea typeface="Calibri" panose="020F0502020204030204" pitchFamily="34" charset="0"/>
              <a:cs typeface="Arial" panose="020B0604020202020204" pitchFamily="34" charset="0"/>
            </a:endParaRPr>
          </a:p>
          <a:p>
            <a:pPr marL="0" indent="0">
              <a:buFont typeface="Aktiv Grotesk Homburger" panose="020B0404020202020204" pitchFamily="34" charset="0"/>
              <a:buNone/>
            </a:pPr>
            <a:endParaRPr lang="fr-CH" sz="1800" kern="100" dirty="0">
              <a:latin typeface="Arial" panose="020B0604020202020204" pitchFamily="34" charset="0"/>
              <a:ea typeface="Calibri" panose="020F0502020204030204" pitchFamily="34" charset="0"/>
              <a:cs typeface="Arial" panose="020B0604020202020204" pitchFamily="34" charset="0"/>
            </a:endParaRPr>
          </a:p>
          <a:p>
            <a:pPr marL="0" indent="0">
              <a:buFont typeface="Aktiv Grotesk Homburger" panose="020B0404020202020204" pitchFamily="34" charset="0"/>
              <a:buNone/>
            </a:pPr>
            <a:endParaRPr lang="fr-CH" sz="1800" kern="100" dirty="0">
              <a:latin typeface="Arial" panose="020B0604020202020204" pitchFamily="34" charset="0"/>
              <a:ea typeface="Calibri" panose="020F0502020204030204" pitchFamily="34" charset="0"/>
              <a:cs typeface="Arial" panose="020B0604020202020204" pitchFamily="34" charset="0"/>
            </a:endParaRPr>
          </a:p>
          <a:p>
            <a:pPr marL="0" indent="0">
              <a:buFont typeface="Aktiv Grotesk Homburger" panose="020B0404020202020204" pitchFamily="34" charset="0"/>
              <a:buNone/>
            </a:pPr>
            <a:endParaRPr lang="fr-CH" sz="1800" kern="100" dirty="0">
              <a:latin typeface="Arial" panose="020B0604020202020204" pitchFamily="34" charset="0"/>
              <a:ea typeface="Calibri" panose="020F0502020204030204" pitchFamily="34" charset="0"/>
              <a:cs typeface="Arial" panose="020B0604020202020204" pitchFamily="34" charset="0"/>
            </a:endParaRPr>
          </a:p>
          <a:p>
            <a:pPr marL="0" indent="0">
              <a:buFont typeface="Aktiv Grotesk Homburger" panose="020B0404020202020204" pitchFamily="34" charset="0"/>
              <a:buNone/>
            </a:pPr>
            <a:endParaRPr lang="fr-CH" sz="1800" kern="100" dirty="0">
              <a:latin typeface="Arial" panose="020B0604020202020204" pitchFamily="34" charset="0"/>
              <a:ea typeface="Calibri" panose="020F0502020204030204" pitchFamily="34" charset="0"/>
              <a:cs typeface="Arial" panose="020B0604020202020204" pitchFamily="34" charset="0"/>
            </a:endParaRPr>
          </a:p>
          <a:p>
            <a:pPr marL="0" indent="0">
              <a:buFont typeface="Aktiv Grotesk Homburger" panose="020B0404020202020204" pitchFamily="34" charset="0"/>
              <a:buNone/>
            </a:pPr>
            <a:endParaRPr lang="fr-CH" sz="1800" kern="100" dirty="0">
              <a:latin typeface="Arial" panose="020B0604020202020204" pitchFamily="34" charset="0"/>
              <a:ea typeface="Calibri" panose="020F0502020204030204" pitchFamily="34" charset="0"/>
              <a:cs typeface="Arial" panose="020B0604020202020204" pitchFamily="34" charset="0"/>
            </a:endParaRPr>
          </a:p>
          <a:p>
            <a:pPr marL="0" indent="0">
              <a:buFont typeface="Aktiv Grotesk Homburger" panose="020B0404020202020204" pitchFamily="34" charset="0"/>
              <a:buNone/>
            </a:pPr>
            <a:endParaRPr lang="fr-CH" sz="1800" kern="100" dirty="0">
              <a:latin typeface="Arial" panose="020B0604020202020204" pitchFamily="34" charset="0"/>
              <a:ea typeface="Calibri" panose="020F0502020204030204" pitchFamily="34" charset="0"/>
              <a:cs typeface="Arial" panose="020B0604020202020204" pitchFamily="34" charset="0"/>
            </a:endParaRPr>
          </a:p>
          <a:p>
            <a:pPr marL="0" indent="0">
              <a:buFont typeface="Aktiv Grotesk Homburger" panose="020B0404020202020204" pitchFamily="34" charset="0"/>
              <a:buNone/>
            </a:pPr>
            <a:endParaRPr lang="fr-CH" sz="1800" kern="100" dirty="0">
              <a:latin typeface="Arial" panose="020B0604020202020204" pitchFamily="34" charset="0"/>
              <a:ea typeface="Calibri" panose="020F0502020204030204" pitchFamily="34" charset="0"/>
              <a:cs typeface="Arial" panose="020B0604020202020204" pitchFamily="34" charset="0"/>
            </a:endParaRPr>
          </a:p>
          <a:p>
            <a:pPr marL="0" indent="0">
              <a:buFont typeface="Aktiv Grotesk Homburger" panose="020B0404020202020204" pitchFamily="34" charset="0"/>
              <a:buNone/>
            </a:pPr>
            <a:endParaRPr lang="fr-CH" sz="1800" kern="100" dirty="0">
              <a:latin typeface="Arial" panose="020B0604020202020204" pitchFamily="34" charset="0"/>
              <a:ea typeface="Calibri" panose="020F0502020204030204" pitchFamily="34" charset="0"/>
              <a:cs typeface="Arial" panose="020B0604020202020204" pitchFamily="34" charset="0"/>
            </a:endParaRPr>
          </a:p>
          <a:p>
            <a:pPr marL="0" indent="0">
              <a:buFont typeface="Aktiv Grotesk Homburger" panose="020B0404020202020204" pitchFamily="34" charset="0"/>
              <a:buNone/>
            </a:pPr>
            <a:endParaRPr lang="fr-CH" sz="1800" kern="100" dirty="0">
              <a:latin typeface="Arial" panose="020B0604020202020204" pitchFamily="34" charset="0"/>
              <a:ea typeface="Calibri" panose="020F0502020204030204" pitchFamily="34" charset="0"/>
              <a:cs typeface="Arial" panose="020B0604020202020204" pitchFamily="34" charset="0"/>
            </a:endParaRPr>
          </a:p>
          <a:p>
            <a:pPr marL="0" indent="0">
              <a:buFont typeface="Aktiv Grotesk Homburger" panose="020B0404020202020204" pitchFamily="34" charset="0"/>
              <a:buNone/>
            </a:pPr>
            <a:endParaRPr lang="fr-CH" sz="1800" kern="100" dirty="0">
              <a:highlight>
                <a:srgbClr val="00FF00"/>
              </a:highlight>
              <a:latin typeface="Arial" panose="020B0604020202020204" pitchFamily="34" charset="0"/>
              <a:ea typeface="Calibri" panose="020F0502020204030204" pitchFamily="34" charset="0"/>
              <a:cs typeface="Arial" panose="020B0604020202020204" pitchFamily="34" charset="0"/>
            </a:endParaRPr>
          </a:p>
        </p:txBody>
      </p:sp>
      <p:grpSp>
        <p:nvGrpSpPr>
          <p:cNvPr id="12" name="Gruppieren 11">
            <a:extLst>
              <a:ext uri="{FF2B5EF4-FFF2-40B4-BE49-F238E27FC236}">
                <a16:creationId xmlns:a16="http://schemas.microsoft.com/office/drawing/2014/main" id="{8DBF9012-9587-280E-5365-CF0649AD8CE0}"/>
              </a:ext>
            </a:extLst>
          </p:cNvPr>
          <p:cNvGrpSpPr/>
          <p:nvPr/>
        </p:nvGrpSpPr>
        <p:grpSpPr>
          <a:xfrm>
            <a:off x="4982035" y="1969167"/>
            <a:ext cx="3065420" cy="2924288"/>
            <a:chOff x="4167526" y="2863350"/>
            <a:chExt cx="2966563" cy="2013025"/>
          </a:xfrm>
        </p:grpSpPr>
        <p:sp>
          <p:nvSpPr>
            <p:cNvPr id="13" name="Shape_1002">
              <a:extLst>
                <a:ext uri="{FF2B5EF4-FFF2-40B4-BE49-F238E27FC236}">
                  <a16:creationId xmlns:a16="http://schemas.microsoft.com/office/drawing/2014/main" id="{FE10B72F-6440-47BE-FAAB-AC9CF330051A}"/>
                </a:ext>
              </a:extLst>
            </p:cNvPr>
            <p:cNvSpPr/>
            <p:nvPr/>
          </p:nvSpPr>
          <p:spPr>
            <a:xfrm>
              <a:off x="4167526" y="2863350"/>
              <a:ext cx="2966563" cy="2013025"/>
            </a:xfrm>
            <a:custGeom>
              <a:avLst/>
              <a:gdLst/>
              <a:ahLst/>
              <a:cxnLst>
                <a:cxn ang="16200000">
                  <a:pos x="1483281" y="0"/>
                </a:cxn>
                <a:cxn ang="10800000">
                  <a:pos x="0" y="1006512"/>
                </a:cxn>
                <a:cxn ang="5400000">
                  <a:pos x="1483281" y="2013025"/>
                </a:cxn>
                <a:cxn ang="0">
                  <a:pos x="2966563" y="1006512"/>
                </a:cxn>
                <a:cxn ang="0">
                  <a:pos x="1483281" y="1006512"/>
                </a:cxn>
              </a:cxnLst>
              <a:rect l="l" t="t" r="r" b="b"/>
              <a:pathLst>
                <a:path w="2966563" h="2013025">
                  <a:moveTo>
                    <a:pt x="1483282" y="2013025"/>
                  </a:moveTo>
                  <a:cubicBezTo>
                    <a:pt x="664088" y="2013025"/>
                    <a:pt x="0" y="1562394"/>
                    <a:pt x="0" y="1006513"/>
                  </a:cubicBezTo>
                  <a:cubicBezTo>
                    <a:pt x="0" y="450631"/>
                    <a:pt x="664088" y="0"/>
                    <a:pt x="1483282" y="0"/>
                  </a:cubicBezTo>
                  <a:cubicBezTo>
                    <a:pt x="2302476" y="0"/>
                    <a:pt x="2966564" y="450631"/>
                    <a:pt x="2966564" y="1006513"/>
                  </a:cubicBezTo>
                  <a:cubicBezTo>
                    <a:pt x="2966564" y="1562394"/>
                    <a:pt x="2302476" y="2013025"/>
                    <a:pt x="1483282" y="2013025"/>
                  </a:cubicBezTo>
                  <a:close/>
                </a:path>
              </a:pathLst>
            </a:custGeom>
            <a:solidFill>
              <a:srgbClr val="92D050"/>
            </a:solidFill>
            <a:ln w="35316">
              <a:solidFill>
                <a:srgbClr val="92D050"/>
              </a:solidFill>
              <a:prstDash val="solid"/>
            </a:ln>
          </p:spPr>
          <p:style>
            <a:lnRef idx="2">
              <a:schemeClr val="accent1">
                <a:shade val="50000"/>
              </a:schemeClr>
            </a:lnRef>
            <a:fillRef idx="1">
              <a:schemeClr val="accent1"/>
            </a:fillRef>
            <a:effectRef idx="0">
              <a:schemeClr val="accent1"/>
            </a:effectRef>
            <a:fontRef idx="minor">
              <a:schemeClr val="lt1"/>
            </a:fontRef>
          </p:style>
          <p:txBody>
            <a:bodyPr wrap="square" lIns="0" tIns="159474" rIns="0" bIns="159474" rtlCol="0" anchor="ctr">
              <a:noAutofit/>
            </a:bodyPr>
            <a:lstStyle/>
            <a:p>
              <a:pPr marL="0" algn="ctr">
                <a:lnSpc>
                  <a:spcPct val="99600"/>
                </a:lnSpc>
                <a:spcAft>
                  <a:spcPts val="0"/>
                </a:spcAft>
              </a:pPr>
              <a:r>
                <a:rPr lang="en-GB" sz="1400" b="0" i="0" u="none" dirty="0">
                  <a:solidFill>
                    <a:srgbClr val="000000"/>
                  </a:solidFill>
                  <a:latin typeface="Arial" panose="020B0604020202020204" pitchFamily="34" charset="0"/>
                  <a:cs typeface="Arial" panose="020B0604020202020204" pitchFamily="34" charset="0"/>
                </a:rPr>
                <a:t> </a:t>
              </a:r>
            </a:p>
            <a:p>
              <a:pPr marL="0" algn="ctr">
                <a:lnSpc>
                  <a:spcPct val="99600"/>
                </a:lnSpc>
                <a:spcAft>
                  <a:spcPts val="0"/>
                </a:spcAft>
              </a:pPr>
              <a:r>
                <a:rPr lang="en-GB" sz="1112" b="0" i="0" u="none" dirty="0">
                  <a:solidFill>
                    <a:srgbClr val="000000"/>
                  </a:solidFill>
                  <a:latin typeface="Arial" panose="020B0604020202020204" pitchFamily="34" charset="0"/>
                  <a:cs typeface="Arial" panose="020B0604020202020204" pitchFamily="34" charset="0"/>
                </a:rPr>
                <a:t> </a:t>
              </a:r>
            </a:p>
            <a:p>
              <a:pPr marL="0" algn="ctr">
                <a:lnSpc>
                  <a:spcPct val="99600"/>
                </a:lnSpc>
                <a:spcAft>
                  <a:spcPts val="0"/>
                </a:spcAft>
              </a:pPr>
              <a:r>
                <a:rPr lang="en-GB" sz="1112" b="0" i="0" u="none" dirty="0">
                  <a:solidFill>
                    <a:srgbClr val="000000"/>
                  </a:solidFill>
                  <a:latin typeface="Arial" panose="020B0604020202020204" pitchFamily="34" charset="0"/>
                  <a:cs typeface="Arial" panose="020B0604020202020204" pitchFamily="34" charset="0"/>
                </a:rPr>
                <a:t> </a:t>
              </a:r>
            </a:p>
            <a:p>
              <a:pPr marL="0" algn="ctr">
                <a:lnSpc>
                  <a:spcPct val="99600"/>
                </a:lnSpc>
                <a:spcAft>
                  <a:spcPts val="0"/>
                </a:spcAft>
              </a:pPr>
              <a:r>
                <a:rPr lang="en-GB" sz="1112" b="0" i="0" u="none" dirty="0">
                  <a:solidFill>
                    <a:srgbClr val="000000"/>
                  </a:solidFill>
                  <a:latin typeface="Arial" panose="020B0604020202020204" pitchFamily="34" charset="0"/>
                  <a:cs typeface="Arial" panose="020B0604020202020204" pitchFamily="34" charset="0"/>
                </a:rPr>
                <a:t> </a:t>
              </a:r>
            </a:p>
            <a:p>
              <a:pPr marL="0" algn="ctr">
                <a:lnSpc>
                  <a:spcPct val="99600"/>
                </a:lnSpc>
                <a:spcAft>
                  <a:spcPts val="0"/>
                </a:spcAft>
              </a:pPr>
              <a:r>
                <a:rPr lang="en-GB" sz="1112" b="0" i="0" u="none" dirty="0">
                  <a:solidFill>
                    <a:srgbClr val="000000"/>
                  </a:solidFill>
                  <a:latin typeface="Arial" panose="020B0604020202020204" pitchFamily="34" charset="0"/>
                  <a:cs typeface="Arial" panose="020B0604020202020204" pitchFamily="34" charset="0"/>
                </a:rPr>
                <a:t> </a:t>
              </a:r>
            </a:p>
            <a:p>
              <a:pPr marL="0" algn="ctr">
                <a:lnSpc>
                  <a:spcPct val="99600"/>
                </a:lnSpc>
                <a:spcAft>
                  <a:spcPts val="0"/>
                </a:spcAft>
              </a:pPr>
              <a:r>
                <a:rPr lang="en-GB" sz="1112" b="0" i="0" u="none" dirty="0">
                  <a:solidFill>
                    <a:srgbClr val="000000"/>
                  </a:solidFill>
                  <a:latin typeface="Arial" panose="020B0604020202020204" pitchFamily="34" charset="0"/>
                  <a:cs typeface="Arial" panose="020B0604020202020204" pitchFamily="34" charset="0"/>
                </a:rPr>
                <a:t> </a:t>
              </a:r>
            </a:p>
            <a:p>
              <a:pPr marL="0" algn="ctr">
                <a:lnSpc>
                  <a:spcPct val="99600"/>
                </a:lnSpc>
                <a:spcAft>
                  <a:spcPts val="0"/>
                </a:spcAft>
              </a:pPr>
              <a:r>
                <a:rPr lang="en-GB" sz="1112" b="0" i="0" u="none" dirty="0">
                  <a:solidFill>
                    <a:srgbClr val="000000"/>
                  </a:solidFill>
                  <a:latin typeface="Arial" panose="020B0604020202020204" pitchFamily="34" charset="0"/>
                  <a:cs typeface="Arial" panose="020B0604020202020204" pitchFamily="34" charset="0"/>
                </a:rPr>
                <a:t> </a:t>
              </a:r>
            </a:p>
            <a:p>
              <a:pPr marL="0" algn="ctr">
                <a:lnSpc>
                  <a:spcPct val="99600"/>
                </a:lnSpc>
                <a:spcAft>
                  <a:spcPts val="0"/>
                </a:spcAft>
              </a:pPr>
              <a:r>
                <a:rPr lang="en-GB" sz="1112" b="0" i="0" u="none" dirty="0">
                  <a:solidFill>
                    <a:srgbClr val="000000"/>
                  </a:solidFill>
                  <a:latin typeface="Arial" panose="020B0604020202020204" pitchFamily="34" charset="0"/>
                  <a:cs typeface="Arial" panose="020B0604020202020204" pitchFamily="34" charset="0"/>
                </a:rPr>
                <a:t> </a:t>
              </a:r>
            </a:p>
          </p:txBody>
        </p:sp>
      </p:grpSp>
      <p:cxnSp>
        <p:nvCxnSpPr>
          <p:cNvPr id="14" name="Gerader Verbinder 13">
            <a:extLst>
              <a:ext uri="{FF2B5EF4-FFF2-40B4-BE49-F238E27FC236}">
                <a16:creationId xmlns:a16="http://schemas.microsoft.com/office/drawing/2014/main" id="{CAB47FF3-1CA2-EBB9-2B25-4460C57CBEBF}"/>
              </a:ext>
            </a:extLst>
          </p:cNvPr>
          <p:cNvCxnSpPr>
            <a:cxnSpLocks/>
          </p:cNvCxnSpPr>
          <p:nvPr/>
        </p:nvCxnSpPr>
        <p:spPr>
          <a:xfrm>
            <a:off x="8139221" y="1764988"/>
            <a:ext cx="4923" cy="3159541"/>
          </a:xfrm>
          <a:prstGeom prst="line">
            <a:avLst/>
          </a:prstGeom>
          <a:solidFill>
            <a:srgbClr val="FFFFFF"/>
          </a:solidFill>
          <a:ln w="28575">
            <a:solidFill>
              <a:schemeClr val="accent3">
                <a:lumMod val="75000"/>
              </a:schemeClr>
            </a:solidFill>
            <a:prstDash val="solid"/>
          </a:ln>
        </p:spPr>
        <p:style>
          <a:lnRef idx="2">
            <a:schemeClr val="accent1">
              <a:shade val="50000"/>
            </a:schemeClr>
          </a:lnRef>
          <a:fillRef idx="1">
            <a:schemeClr val="accent1"/>
          </a:fillRef>
          <a:effectRef idx="0">
            <a:schemeClr val="accent1"/>
          </a:effectRef>
          <a:fontRef idx="minor">
            <a:schemeClr val="lt1"/>
          </a:fontRef>
        </p:style>
      </p:cxnSp>
      <p:cxnSp>
        <p:nvCxnSpPr>
          <p:cNvPr id="15" name="Gerader Verbinder 14">
            <a:extLst>
              <a:ext uri="{FF2B5EF4-FFF2-40B4-BE49-F238E27FC236}">
                <a16:creationId xmlns:a16="http://schemas.microsoft.com/office/drawing/2014/main" id="{C66A82A0-73FA-91E3-1A01-B394ACD94B52}"/>
              </a:ext>
            </a:extLst>
          </p:cNvPr>
          <p:cNvCxnSpPr>
            <a:cxnSpLocks/>
          </p:cNvCxnSpPr>
          <p:nvPr/>
        </p:nvCxnSpPr>
        <p:spPr>
          <a:xfrm flipH="1">
            <a:off x="4982035" y="4907366"/>
            <a:ext cx="3171518" cy="17163"/>
          </a:xfrm>
          <a:prstGeom prst="line">
            <a:avLst/>
          </a:prstGeom>
          <a:solidFill>
            <a:srgbClr val="FFFFFF"/>
          </a:solidFill>
          <a:ln w="28575">
            <a:solidFill>
              <a:schemeClr val="accent3">
                <a:lumMod val="75000"/>
              </a:schemeClr>
            </a:solidFill>
            <a:prstDash val="solid"/>
          </a:ln>
        </p:spPr>
        <p:style>
          <a:lnRef idx="2">
            <a:schemeClr val="accent1">
              <a:shade val="50000"/>
            </a:schemeClr>
          </a:lnRef>
          <a:fillRef idx="1">
            <a:schemeClr val="accent1"/>
          </a:fillRef>
          <a:effectRef idx="0">
            <a:schemeClr val="accent1"/>
          </a:effectRef>
          <a:fontRef idx="minor">
            <a:schemeClr val="lt1"/>
          </a:fontRef>
        </p:style>
      </p:cxnSp>
      <p:cxnSp>
        <p:nvCxnSpPr>
          <p:cNvPr id="16" name="Gerader Verbinder 15">
            <a:extLst>
              <a:ext uri="{FF2B5EF4-FFF2-40B4-BE49-F238E27FC236}">
                <a16:creationId xmlns:a16="http://schemas.microsoft.com/office/drawing/2014/main" id="{DE2C60E2-903A-9213-ED82-D1E0D722A529}"/>
              </a:ext>
            </a:extLst>
          </p:cNvPr>
          <p:cNvCxnSpPr>
            <a:cxnSpLocks/>
          </p:cNvCxnSpPr>
          <p:nvPr/>
        </p:nvCxnSpPr>
        <p:spPr>
          <a:xfrm flipH="1" flipV="1">
            <a:off x="4996967" y="5471093"/>
            <a:ext cx="4805685" cy="1515"/>
          </a:xfrm>
          <a:prstGeom prst="line">
            <a:avLst/>
          </a:prstGeom>
          <a:solidFill>
            <a:srgbClr val="FFFFFF"/>
          </a:solidFill>
          <a:ln w="31750">
            <a:solidFill>
              <a:schemeClr val="tx1"/>
            </a:solidFill>
            <a:prstDash val="solid"/>
          </a:ln>
        </p:spPr>
        <p:style>
          <a:lnRef idx="2">
            <a:schemeClr val="accent1">
              <a:shade val="50000"/>
            </a:schemeClr>
          </a:lnRef>
          <a:fillRef idx="1">
            <a:schemeClr val="accent1"/>
          </a:fillRef>
          <a:effectRef idx="0">
            <a:schemeClr val="accent1"/>
          </a:effectRef>
          <a:fontRef idx="minor">
            <a:schemeClr val="lt1"/>
          </a:fontRef>
        </p:style>
      </p:cxnSp>
      <p:sp>
        <p:nvSpPr>
          <p:cNvPr id="17" name="Textfeld 16">
            <a:extLst>
              <a:ext uri="{FF2B5EF4-FFF2-40B4-BE49-F238E27FC236}">
                <a16:creationId xmlns:a16="http://schemas.microsoft.com/office/drawing/2014/main" id="{3999937A-B0CF-3EC9-BED9-3520365404A5}"/>
              </a:ext>
            </a:extLst>
          </p:cNvPr>
          <p:cNvSpPr txBox="1"/>
          <p:nvPr/>
        </p:nvSpPr>
        <p:spPr>
          <a:xfrm>
            <a:off x="4996967" y="5611172"/>
            <a:ext cx="2181162" cy="215444"/>
          </a:xfrm>
          <a:prstGeom prst="rect">
            <a:avLst/>
          </a:prstGeom>
          <a:noFill/>
        </p:spPr>
        <p:txBody>
          <a:bodyPr wrap="square" lIns="0" tIns="0" rIns="0" bIns="0" rtlCol="0">
            <a:spAutoFit/>
          </a:bodyPr>
          <a:lstStyle/>
          <a:p>
            <a:pPr>
              <a:lnSpc>
                <a:spcPct val="99600"/>
              </a:lnSpc>
            </a:pPr>
            <a:r>
              <a:rPr lang="fr-CH" sz="1400" b="1" i="1" dirty="0">
                <a:solidFill>
                  <a:srgbClr val="000000"/>
                </a:solidFill>
                <a:latin typeface="Arial" panose="020B0604020202020204" pitchFamily="34" charset="0"/>
                <a:cs typeface="Arial" panose="020B0604020202020204" pitchFamily="34" charset="0"/>
              </a:rPr>
              <a:t>Cadre de l’objet de litige</a:t>
            </a:r>
          </a:p>
        </p:txBody>
      </p:sp>
      <p:sp>
        <p:nvSpPr>
          <p:cNvPr id="18" name="Textfeld 17">
            <a:extLst>
              <a:ext uri="{FF2B5EF4-FFF2-40B4-BE49-F238E27FC236}">
                <a16:creationId xmlns:a16="http://schemas.microsoft.com/office/drawing/2014/main" id="{9A4DADE7-5B3D-1005-B7C6-B4AA6D14901D}"/>
              </a:ext>
            </a:extLst>
          </p:cNvPr>
          <p:cNvSpPr txBox="1"/>
          <p:nvPr/>
        </p:nvSpPr>
        <p:spPr>
          <a:xfrm>
            <a:off x="4982035" y="5010450"/>
            <a:ext cx="1980070" cy="215444"/>
          </a:xfrm>
          <a:prstGeom prst="rect">
            <a:avLst/>
          </a:prstGeom>
          <a:noFill/>
        </p:spPr>
        <p:txBody>
          <a:bodyPr wrap="square" lIns="0" tIns="0" rIns="0" bIns="0" rtlCol="0">
            <a:spAutoFit/>
          </a:bodyPr>
          <a:lstStyle/>
          <a:p>
            <a:pPr>
              <a:lnSpc>
                <a:spcPct val="99600"/>
              </a:lnSpc>
            </a:pPr>
            <a:r>
              <a:rPr lang="fr-CH" sz="1400" b="1" i="1" dirty="0">
                <a:solidFill>
                  <a:schemeClr val="accent3">
                    <a:lumMod val="75000"/>
                  </a:schemeClr>
                </a:solidFill>
                <a:latin typeface="Arial" panose="020B0604020202020204" pitchFamily="34" charset="0"/>
                <a:cs typeface="Arial" panose="020B0604020202020204" pitchFamily="34" charset="0"/>
              </a:rPr>
              <a:t>Cadre des allégués</a:t>
            </a:r>
          </a:p>
        </p:txBody>
      </p:sp>
      <p:sp>
        <p:nvSpPr>
          <p:cNvPr id="19" name="Textfeld 18">
            <a:extLst>
              <a:ext uri="{FF2B5EF4-FFF2-40B4-BE49-F238E27FC236}">
                <a16:creationId xmlns:a16="http://schemas.microsoft.com/office/drawing/2014/main" id="{29D39191-D16F-C58C-E15B-063AD9AA2167}"/>
              </a:ext>
            </a:extLst>
          </p:cNvPr>
          <p:cNvSpPr txBox="1"/>
          <p:nvPr/>
        </p:nvSpPr>
        <p:spPr>
          <a:xfrm>
            <a:off x="5099354" y="1121614"/>
            <a:ext cx="2936879" cy="492443"/>
          </a:xfrm>
          <a:prstGeom prst="rect">
            <a:avLst/>
          </a:prstGeom>
          <a:noFill/>
        </p:spPr>
        <p:txBody>
          <a:bodyPr wrap="square" lIns="0" tIns="0" rIns="0" bIns="0" rtlCol="0">
            <a:spAutoFit/>
          </a:bodyPr>
          <a:lstStyle/>
          <a:p>
            <a:pPr algn="ctr">
              <a:lnSpc>
                <a:spcPct val="99600"/>
              </a:lnSpc>
            </a:pPr>
            <a:r>
              <a:rPr lang="fr-CH" sz="1600" b="1" dirty="0">
                <a:latin typeface="Arial" panose="020B0604020202020204" pitchFamily="34" charset="0"/>
                <a:cs typeface="Arial" panose="020B0604020202020204" pitchFamily="34" charset="0"/>
              </a:rPr>
              <a:t>Faits exorbitants au sens impropre</a:t>
            </a:r>
          </a:p>
        </p:txBody>
      </p:sp>
      <p:sp>
        <p:nvSpPr>
          <p:cNvPr id="20" name="Textfeld 19">
            <a:extLst>
              <a:ext uri="{FF2B5EF4-FFF2-40B4-BE49-F238E27FC236}">
                <a16:creationId xmlns:a16="http://schemas.microsoft.com/office/drawing/2014/main" id="{856D3F90-D6BB-A80E-C0F5-12E45347878C}"/>
              </a:ext>
            </a:extLst>
          </p:cNvPr>
          <p:cNvSpPr txBox="1"/>
          <p:nvPr/>
        </p:nvSpPr>
        <p:spPr>
          <a:xfrm>
            <a:off x="8482123" y="1121614"/>
            <a:ext cx="2613242" cy="492443"/>
          </a:xfrm>
          <a:prstGeom prst="rect">
            <a:avLst/>
          </a:prstGeom>
          <a:noFill/>
        </p:spPr>
        <p:txBody>
          <a:bodyPr wrap="square" lIns="0" tIns="0" rIns="0" bIns="0" rtlCol="0">
            <a:spAutoFit/>
          </a:bodyPr>
          <a:lstStyle/>
          <a:p>
            <a:pPr algn="ctr">
              <a:lnSpc>
                <a:spcPct val="99600"/>
              </a:lnSpc>
            </a:pPr>
            <a:r>
              <a:rPr lang="fr-CH" sz="1600" b="1" dirty="0">
                <a:solidFill>
                  <a:srgbClr val="000000"/>
                </a:solidFill>
                <a:latin typeface="Arial" panose="020B0604020202020204" pitchFamily="34" charset="0"/>
                <a:cs typeface="Arial" panose="020B0604020202020204" pitchFamily="34" charset="0"/>
              </a:rPr>
              <a:t>Faits exorbitants au sens propre</a:t>
            </a:r>
          </a:p>
        </p:txBody>
      </p:sp>
      <p:sp>
        <p:nvSpPr>
          <p:cNvPr id="21" name="Teilkreis 20">
            <a:extLst>
              <a:ext uri="{FF2B5EF4-FFF2-40B4-BE49-F238E27FC236}">
                <a16:creationId xmlns:a16="http://schemas.microsoft.com/office/drawing/2014/main" id="{A679B3FC-27EF-E9A1-5A53-DDCBB3945EF0}"/>
              </a:ext>
            </a:extLst>
          </p:cNvPr>
          <p:cNvSpPr/>
          <p:nvPr/>
        </p:nvSpPr>
        <p:spPr>
          <a:xfrm rot="5400000" flipH="1">
            <a:off x="8386925" y="1829289"/>
            <a:ext cx="2891743" cy="3174745"/>
          </a:xfrm>
          <a:prstGeom prst="pie">
            <a:avLst>
              <a:gd name="adj1" fmla="val 36732"/>
              <a:gd name="adj2" fmla="val 10765314"/>
            </a:avLst>
          </a:prstGeom>
          <a:solidFill>
            <a:schemeClr val="accent6">
              <a:lumMod val="60000"/>
              <a:lumOff val="40000"/>
            </a:schemeClr>
          </a:solidFill>
          <a:ln w="19050">
            <a:solidFill>
              <a:schemeClr val="accent6">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sz="1200" dirty="0" err="1">
              <a:solidFill>
                <a:schemeClr val="tx1"/>
              </a:solidFill>
              <a:latin typeface="Arial" panose="020B0604020202020204" pitchFamily="34" charset="0"/>
              <a:cs typeface="Arial" panose="020B0604020202020204" pitchFamily="34" charset="0"/>
            </a:endParaRPr>
          </a:p>
        </p:txBody>
      </p:sp>
      <p:sp>
        <p:nvSpPr>
          <p:cNvPr id="22" name="Teilkreis 21">
            <a:extLst>
              <a:ext uri="{FF2B5EF4-FFF2-40B4-BE49-F238E27FC236}">
                <a16:creationId xmlns:a16="http://schemas.microsoft.com/office/drawing/2014/main" id="{2E9547DA-3541-ADB2-8FF0-FA05F4B73ED4}"/>
              </a:ext>
            </a:extLst>
          </p:cNvPr>
          <p:cNvSpPr/>
          <p:nvPr/>
        </p:nvSpPr>
        <p:spPr>
          <a:xfrm rot="16200000" flipH="1">
            <a:off x="8381127" y="1799641"/>
            <a:ext cx="2891743" cy="3247295"/>
          </a:xfrm>
          <a:prstGeom prst="pie">
            <a:avLst>
              <a:gd name="adj1" fmla="val 1"/>
              <a:gd name="adj2" fmla="val 10795749"/>
            </a:avLst>
          </a:prstGeom>
          <a:solidFill>
            <a:schemeClr val="accent4">
              <a:lumMod val="40000"/>
              <a:lumOff val="60000"/>
            </a:schemeClr>
          </a:solidFill>
          <a:ln w="19050">
            <a:solidFill>
              <a:schemeClr val="accent4">
                <a:lumMod val="40000"/>
                <a:lumOff val="60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sz="1200" dirty="0" err="1">
              <a:solidFill>
                <a:schemeClr val="tx1"/>
              </a:solidFill>
              <a:latin typeface="Arial" panose="020B0604020202020204" pitchFamily="34" charset="0"/>
              <a:cs typeface="Arial" panose="020B0604020202020204" pitchFamily="34" charset="0"/>
            </a:endParaRPr>
          </a:p>
        </p:txBody>
      </p:sp>
      <p:cxnSp>
        <p:nvCxnSpPr>
          <p:cNvPr id="23" name="Gerader Verbinder 22">
            <a:extLst>
              <a:ext uri="{FF2B5EF4-FFF2-40B4-BE49-F238E27FC236}">
                <a16:creationId xmlns:a16="http://schemas.microsoft.com/office/drawing/2014/main" id="{1D5854DE-1EBD-E5CA-FD98-FAB8EF8B29ED}"/>
              </a:ext>
            </a:extLst>
          </p:cNvPr>
          <p:cNvCxnSpPr>
            <a:cxnSpLocks/>
          </p:cNvCxnSpPr>
          <p:nvPr/>
        </p:nvCxnSpPr>
        <p:spPr>
          <a:xfrm flipH="1">
            <a:off x="9797729" y="1681386"/>
            <a:ext cx="13955" cy="3791222"/>
          </a:xfrm>
          <a:prstGeom prst="line">
            <a:avLst/>
          </a:prstGeom>
          <a:solidFill>
            <a:srgbClr val="FFFFFF"/>
          </a:solidFill>
          <a:ln w="31750">
            <a:solidFill>
              <a:schemeClr val="tx1"/>
            </a:solidFill>
            <a:prstDash val="solid"/>
          </a:ln>
        </p:spPr>
        <p:style>
          <a:lnRef idx="2">
            <a:schemeClr val="accent1">
              <a:shade val="50000"/>
            </a:schemeClr>
          </a:lnRef>
          <a:fillRef idx="1">
            <a:schemeClr val="accent1"/>
          </a:fillRef>
          <a:effectRef idx="0">
            <a:schemeClr val="accent1"/>
          </a:effectRef>
          <a:fontRef idx="minor">
            <a:schemeClr val="lt1"/>
          </a:fontRef>
        </p:style>
      </p:cxnSp>
      <p:sp>
        <p:nvSpPr>
          <p:cNvPr id="24" name="Textfeld 23">
            <a:extLst>
              <a:ext uri="{FF2B5EF4-FFF2-40B4-BE49-F238E27FC236}">
                <a16:creationId xmlns:a16="http://schemas.microsoft.com/office/drawing/2014/main" id="{CD35FE98-48A3-6665-737D-22112C32F887}"/>
              </a:ext>
            </a:extLst>
          </p:cNvPr>
          <p:cNvSpPr txBox="1"/>
          <p:nvPr/>
        </p:nvSpPr>
        <p:spPr>
          <a:xfrm>
            <a:off x="8621386" y="3205737"/>
            <a:ext cx="1046558" cy="646331"/>
          </a:xfrm>
          <a:prstGeom prst="rect">
            <a:avLst/>
          </a:prstGeom>
          <a:noFill/>
        </p:spPr>
        <p:txBody>
          <a:bodyPr wrap="square" lIns="0" tIns="0" rIns="0" bIns="0" rtlCol="0">
            <a:spAutoFit/>
          </a:bodyPr>
          <a:lstStyle/>
          <a:p>
            <a:pPr algn="ctr"/>
            <a:r>
              <a:rPr lang="fr-CH" sz="1400" b="1" dirty="0">
                <a:latin typeface="Arial" panose="020B0604020202020204" pitchFamily="34" charset="0"/>
                <a:cs typeface="Arial" panose="020B0604020202020204" pitchFamily="34" charset="0"/>
              </a:rPr>
              <a:t>Requête de </a:t>
            </a:r>
            <a:r>
              <a:rPr lang="fr-CH" sz="1400" b="1" i="1" dirty="0">
                <a:latin typeface="Arial" panose="020B0604020202020204" pitchFamily="34" charset="0"/>
                <a:cs typeface="Arial" panose="020B0604020202020204" pitchFamily="34" charset="0"/>
              </a:rPr>
              <a:t>nova</a:t>
            </a:r>
          </a:p>
          <a:p>
            <a:pPr algn="l"/>
            <a:endParaRPr lang="fr-CH" sz="1400" dirty="0">
              <a:latin typeface="Arial" panose="020B0604020202020204" pitchFamily="34" charset="0"/>
              <a:cs typeface="Arial" panose="020B0604020202020204" pitchFamily="34" charset="0"/>
            </a:endParaRPr>
          </a:p>
        </p:txBody>
      </p:sp>
      <p:sp>
        <p:nvSpPr>
          <p:cNvPr id="25" name="Textfeld 24">
            <a:extLst>
              <a:ext uri="{FF2B5EF4-FFF2-40B4-BE49-F238E27FC236}">
                <a16:creationId xmlns:a16="http://schemas.microsoft.com/office/drawing/2014/main" id="{3BC2FCD0-63E8-F5DC-0565-E05CBCF073F0}"/>
              </a:ext>
            </a:extLst>
          </p:cNvPr>
          <p:cNvSpPr txBox="1"/>
          <p:nvPr/>
        </p:nvSpPr>
        <p:spPr>
          <a:xfrm>
            <a:off x="9962987" y="2876949"/>
            <a:ext cx="1276138" cy="1077218"/>
          </a:xfrm>
          <a:prstGeom prst="rect">
            <a:avLst/>
          </a:prstGeom>
          <a:noFill/>
        </p:spPr>
        <p:txBody>
          <a:bodyPr wrap="square" lIns="0" tIns="0" rIns="0" bIns="0" rtlCol="0">
            <a:spAutoFit/>
          </a:bodyPr>
          <a:lstStyle/>
          <a:p>
            <a:r>
              <a:rPr lang="fr-CH" sz="1400" b="1" dirty="0">
                <a:latin typeface="Arial" panose="020B0604020202020204" pitchFamily="34" charset="0"/>
                <a:cs typeface="Arial" panose="020B0604020202020204" pitchFamily="34" charset="0"/>
              </a:rPr>
              <a:t>Requête de </a:t>
            </a:r>
            <a:r>
              <a:rPr lang="fr-CH" sz="1400" b="1" i="1" dirty="0">
                <a:latin typeface="Arial" panose="020B0604020202020204" pitchFamily="34" charset="0"/>
                <a:cs typeface="Arial" panose="020B0604020202020204" pitchFamily="34" charset="0"/>
              </a:rPr>
              <a:t>nova</a:t>
            </a:r>
            <a:endParaRPr lang="fr-CH" sz="1400" dirty="0">
              <a:latin typeface="Arial" panose="020B0604020202020204" pitchFamily="34" charset="0"/>
              <a:cs typeface="Arial" panose="020B0604020202020204" pitchFamily="34" charset="0"/>
            </a:endParaRPr>
          </a:p>
          <a:p>
            <a:pPr algn="l"/>
            <a:r>
              <a:rPr lang="fr-CH" sz="1400" b="1" dirty="0">
                <a:latin typeface="Arial" panose="020B0604020202020204" pitchFamily="34" charset="0"/>
                <a:cs typeface="Arial" panose="020B0604020202020204" pitchFamily="34" charset="0"/>
              </a:rPr>
              <a:t>+</a:t>
            </a:r>
            <a:r>
              <a:rPr lang="fr-CH" sz="1400" dirty="0">
                <a:latin typeface="Arial" panose="020B0604020202020204" pitchFamily="34" charset="0"/>
                <a:cs typeface="Arial" panose="020B0604020202020204" pitchFamily="34" charset="0"/>
              </a:rPr>
              <a:t> </a:t>
            </a:r>
            <a:br>
              <a:rPr lang="fr-CH" sz="1400" dirty="0">
                <a:latin typeface="Arial" panose="020B0604020202020204" pitchFamily="34" charset="0"/>
                <a:cs typeface="Arial" panose="020B0604020202020204" pitchFamily="34" charset="0"/>
              </a:rPr>
            </a:br>
            <a:r>
              <a:rPr lang="fr-CH" sz="1400" b="1" dirty="0">
                <a:latin typeface="Arial" panose="020B0604020202020204" pitchFamily="34" charset="0"/>
                <a:cs typeface="Arial" panose="020B0604020202020204" pitchFamily="34" charset="0"/>
              </a:rPr>
              <a:t>Modification de la demande</a:t>
            </a:r>
          </a:p>
        </p:txBody>
      </p:sp>
      <p:sp>
        <p:nvSpPr>
          <p:cNvPr id="26" name="Textfeld 25">
            <a:extLst>
              <a:ext uri="{FF2B5EF4-FFF2-40B4-BE49-F238E27FC236}">
                <a16:creationId xmlns:a16="http://schemas.microsoft.com/office/drawing/2014/main" id="{83984983-3D9D-CAFD-D8FF-0ADD7AB715FE}"/>
              </a:ext>
            </a:extLst>
          </p:cNvPr>
          <p:cNvSpPr txBox="1"/>
          <p:nvPr/>
        </p:nvSpPr>
        <p:spPr>
          <a:xfrm>
            <a:off x="4996967" y="3261670"/>
            <a:ext cx="3036051" cy="307777"/>
          </a:xfrm>
          <a:prstGeom prst="rect">
            <a:avLst/>
          </a:prstGeom>
          <a:noFill/>
        </p:spPr>
        <p:txBody>
          <a:bodyPr wrap="square">
            <a:spAutoFit/>
          </a:bodyPr>
          <a:lstStyle/>
          <a:p>
            <a:pPr algn="ctr"/>
            <a:r>
              <a:rPr lang="fr-CH" sz="1400" b="1" dirty="0">
                <a:latin typeface="Arial" panose="020B0604020202020204" pitchFamily="34" charset="0"/>
                <a:cs typeface="Arial" panose="020B0604020202020204" pitchFamily="34" charset="0"/>
              </a:rPr>
              <a:t>Sans autre exploitables</a:t>
            </a:r>
          </a:p>
        </p:txBody>
      </p:sp>
      <p:sp>
        <p:nvSpPr>
          <p:cNvPr id="27" name="Untertitel 2">
            <a:extLst>
              <a:ext uri="{FF2B5EF4-FFF2-40B4-BE49-F238E27FC236}">
                <a16:creationId xmlns:a16="http://schemas.microsoft.com/office/drawing/2014/main" id="{CB2FEFA8-2FCE-058E-932B-A6663237A4EE}"/>
              </a:ext>
            </a:extLst>
          </p:cNvPr>
          <p:cNvSpPr>
            <a:spLocks noGrp="1"/>
          </p:cNvSpPr>
          <p:nvPr>
            <p:ph type="subTitle" idx="13"/>
          </p:nvPr>
        </p:nvSpPr>
        <p:spPr>
          <a:xfrm>
            <a:off x="334963" y="222798"/>
            <a:ext cx="9361488" cy="244624"/>
          </a:xfrm>
        </p:spPr>
        <p:txBody>
          <a:bodyPr/>
          <a:lstStyle/>
          <a:p>
            <a:r>
              <a:rPr lang="fr-CH" dirty="0">
                <a:latin typeface="Arial" panose="020B0604020202020204" pitchFamily="34" charset="0"/>
                <a:cs typeface="Arial" panose="020B0604020202020204" pitchFamily="34" charset="0"/>
              </a:rPr>
              <a:t>II.	Exploitabilité des faits exorbitants</a:t>
            </a:r>
          </a:p>
        </p:txBody>
      </p:sp>
      <p:sp>
        <p:nvSpPr>
          <p:cNvPr id="28" name="Titel 1">
            <a:extLst>
              <a:ext uri="{FF2B5EF4-FFF2-40B4-BE49-F238E27FC236}">
                <a16:creationId xmlns:a16="http://schemas.microsoft.com/office/drawing/2014/main" id="{2D3A8457-8104-926F-584B-4E75C83F5787}"/>
              </a:ext>
            </a:extLst>
          </p:cNvPr>
          <p:cNvSpPr>
            <a:spLocks noGrp="1"/>
          </p:cNvSpPr>
          <p:nvPr>
            <p:ph type="title"/>
          </p:nvPr>
        </p:nvSpPr>
        <p:spPr>
          <a:xfrm>
            <a:off x="335360" y="446738"/>
            <a:ext cx="9360000" cy="461982"/>
          </a:xfrm>
        </p:spPr>
        <p:txBody>
          <a:bodyPr/>
          <a:lstStyle/>
          <a:p>
            <a:r>
              <a:rPr lang="fr-CH" b="0" dirty="0">
                <a:latin typeface="Arial" panose="020B0604020202020204" pitchFamily="34" charset="0"/>
                <a:cs typeface="Arial" panose="020B0604020202020204" pitchFamily="34" charset="0"/>
              </a:rPr>
              <a:t>B.	Solution proposée</a:t>
            </a:r>
            <a:endParaRPr lang="fr-CH" dirty="0">
              <a:latin typeface="Arial" panose="020B0604020202020204" pitchFamily="34" charset="0"/>
              <a:cs typeface="Arial" panose="020B0604020202020204" pitchFamily="34" charset="0"/>
            </a:endParaRPr>
          </a:p>
        </p:txBody>
      </p:sp>
      <p:sp>
        <p:nvSpPr>
          <p:cNvPr id="2" name="Textfeld 1">
            <a:extLst>
              <a:ext uri="{FF2B5EF4-FFF2-40B4-BE49-F238E27FC236}">
                <a16:creationId xmlns:a16="http://schemas.microsoft.com/office/drawing/2014/main" id="{A735EDE4-8272-2607-68DD-375A88979D72}"/>
              </a:ext>
            </a:extLst>
          </p:cNvPr>
          <p:cNvSpPr txBox="1"/>
          <p:nvPr/>
        </p:nvSpPr>
        <p:spPr>
          <a:xfrm>
            <a:off x="11496600" y="260648"/>
            <a:ext cx="504056" cy="1584176"/>
          </a:xfrm>
          <a:prstGeom prst="rect">
            <a:avLst/>
          </a:prstGeom>
          <a:solidFill>
            <a:schemeClr val="bg1"/>
          </a:solidFill>
        </p:spPr>
        <p:txBody>
          <a:bodyPr wrap="square" lIns="0" tIns="0" rIns="0" bIns="0" rtlCol="0">
            <a:spAutoFit/>
          </a:bodyPr>
          <a:lstStyle/>
          <a:p>
            <a:pPr algn="l"/>
            <a:endParaRPr lang="de-CH" dirty="0" err="1"/>
          </a:p>
        </p:txBody>
      </p:sp>
    </p:spTree>
    <p:extLst>
      <p:ext uri="{BB962C8B-B14F-4D97-AF65-F5344CB8AC3E}">
        <p14:creationId xmlns:p14="http://schemas.microsoft.com/office/powerpoint/2010/main" val="297431660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Inhaltsplatzhalter 2">
            <a:extLst>
              <a:ext uri="{FF2B5EF4-FFF2-40B4-BE49-F238E27FC236}">
                <a16:creationId xmlns:a16="http://schemas.microsoft.com/office/drawing/2014/main" id="{F63D7E3C-D8A9-F761-CD28-00D193AFD6F5}"/>
              </a:ext>
            </a:extLst>
          </p:cNvPr>
          <p:cNvSpPr>
            <a:spLocks noGrp="1"/>
          </p:cNvSpPr>
          <p:nvPr>
            <p:ph sz="half" idx="1"/>
          </p:nvPr>
        </p:nvSpPr>
        <p:spPr>
          <a:xfrm>
            <a:off x="551384" y="1916113"/>
            <a:ext cx="5184576" cy="4033837"/>
          </a:xfrm>
        </p:spPr>
        <p:txBody>
          <a:bodyPr/>
          <a:lstStyle/>
          <a:p>
            <a:pPr marL="273050" indent="-273050" algn="just">
              <a:spcBef>
                <a:spcPts val="1200"/>
              </a:spcBef>
            </a:pPr>
            <a:r>
              <a:rPr lang="fr-CH" sz="1400" dirty="0">
                <a:latin typeface="Arial" panose="020B0604020202020204" pitchFamily="34" charset="0"/>
                <a:cs typeface="Arial" panose="020B0604020202020204" pitchFamily="34" charset="0"/>
              </a:rPr>
              <a:t>La société A. conclut un contrat de courtage immobilier avec un courtier B.</a:t>
            </a:r>
          </a:p>
          <a:p>
            <a:pPr marL="273050" indent="-273050" algn="just">
              <a:spcBef>
                <a:spcPts val="1200"/>
              </a:spcBef>
            </a:pPr>
            <a:r>
              <a:rPr lang="fr-FR" sz="1400" dirty="0">
                <a:latin typeface="Arial" panose="020B0604020202020204" pitchFamily="34" charset="0"/>
                <a:cs typeface="Arial" panose="020B0604020202020204" pitchFamily="34" charset="0"/>
              </a:rPr>
              <a:t>Le courtier B. requiert la collaboration d’un tiers, lequel présente l’objet à vendre à un promoteur immobilier C.</a:t>
            </a:r>
          </a:p>
          <a:p>
            <a:pPr marL="273050" indent="-273050" algn="just">
              <a:spcBef>
                <a:spcPts val="1200"/>
              </a:spcBef>
            </a:pPr>
            <a:r>
              <a:rPr lang="fr-FR" sz="1400" dirty="0">
                <a:latin typeface="Arial" panose="020B0604020202020204" pitchFamily="34" charset="0"/>
                <a:cs typeface="Arial" panose="020B0604020202020204" pitchFamily="34" charset="0"/>
              </a:rPr>
              <a:t>Par le biais d’un autre courtier immobilier, le promoteur C. présente une offre d’achat à la société A.</a:t>
            </a:r>
          </a:p>
          <a:p>
            <a:pPr marL="273050" indent="-273050" algn="just">
              <a:spcBef>
                <a:spcPts val="1200"/>
              </a:spcBef>
            </a:pPr>
            <a:r>
              <a:rPr lang="fr-FR" sz="1400" dirty="0">
                <a:latin typeface="Arial" panose="020B0604020202020204" pitchFamily="34" charset="0"/>
                <a:cs typeface="Arial" panose="020B0604020202020204" pitchFamily="34" charset="0"/>
              </a:rPr>
              <a:t>Le promoteur C. manifeste par la suite son intérêt à l’achat directement auprès du courtier B. engagé par la société A.</a:t>
            </a:r>
          </a:p>
          <a:p>
            <a:pPr marL="273050" indent="-273050" algn="just">
              <a:spcBef>
                <a:spcPts val="1200"/>
              </a:spcBef>
            </a:pPr>
            <a:r>
              <a:rPr lang="fr-FR" sz="1400" dirty="0">
                <a:latin typeface="Arial" panose="020B0604020202020204" pitchFamily="34" charset="0"/>
                <a:cs typeface="Arial" panose="020B0604020202020204" pitchFamily="34" charset="0"/>
              </a:rPr>
              <a:t>Suite à cette offre, la vente entre les parties est conclue</a:t>
            </a:r>
          </a:p>
          <a:p>
            <a:pPr marL="273050" indent="-273050" algn="just">
              <a:spcBef>
                <a:spcPts val="1200"/>
              </a:spcBef>
            </a:pPr>
            <a:r>
              <a:rPr lang="fr-FR" sz="1400" dirty="0">
                <a:latin typeface="Arial" panose="020B0604020202020204" pitchFamily="34" charset="0"/>
                <a:cs typeface="Arial" panose="020B0604020202020204" pitchFamily="34" charset="0"/>
              </a:rPr>
              <a:t>Le courtier B. réclame le paiement de ses honoraires à A.</a:t>
            </a:r>
          </a:p>
          <a:p>
            <a:pPr marL="273050" indent="-273050" algn="just">
              <a:spcBef>
                <a:spcPts val="1200"/>
              </a:spcBef>
            </a:pPr>
            <a:r>
              <a:rPr lang="fr-FR" sz="1400" dirty="0">
                <a:latin typeface="Arial" panose="020B0604020202020204" pitchFamily="34" charset="0"/>
                <a:cs typeface="Arial" panose="020B0604020202020204" pitchFamily="34" charset="0"/>
              </a:rPr>
              <a:t>A. s’oppose au paiement en faisant valoir que le contrat a été conclu grâce à l’autre courtier agissant pour le promoteur C.</a:t>
            </a:r>
          </a:p>
          <a:p>
            <a:endParaRPr lang="fr-CH" dirty="0">
              <a:latin typeface="Arial" panose="020B0604020202020204" pitchFamily="34" charset="0"/>
              <a:cs typeface="Arial" panose="020B0604020202020204" pitchFamily="34" charset="0"/>
            </a:endParaRPr>
          </a:p>
        </p:txBody>
      </p:sp>
      <p:sp>
        <p:nvSpPr>
          <p:cNvPr id="4" name="Inhaltsplatzhalter 3">
            <a:extLst>
              <a:ext uri="{FF2B5EF4-FFF2-40B4-BE49-F238E27FC236}">
                <a16:creationId xmlns:a16="http://schemas.microsoft.com/office/drawing/2014/main" id="{3D5B482E-DE70-10FB-072B-D54B3255086F}"/>
              </a:ext>
            </a:extLst>
          </p:cNvPr>
          <p:cNvSpPr>
            <a:spLocks noGrp="1"/>
          </p:cNvSpPr>
          <p:nvPr>
            <p:ph sz="half" idx="2"/>
          </p:nvPr>
        </p:nvSpPr>
        <p:spPr>
          <a:xfrm>
            <a:off x="6456040" y="1916113"/>
            <a:ext cx="5184576" cy="4033837"/>
          </a:xfrm>
        </p:spPr>
        <p:txBody>
          <a:bodyPr/>
          <a:lstStyle/>
          <a:p>
            <a:pPr marL="273050" indent="-273050" algn="just">
              <a:spcBef>
                <a:spcPts val="1200"/>
              </a:spcBef>
            </a:pPr>
            <a:r>
              <a:rPr lang="fr-FR" sz="1400" dirty="0">
                <a:latin typeface="Arial" panose="020B0604020202020204" pitchFamily="34" charset="0"/>
                <a:cs typeface="Arial" panose="020B0604020202020204" pitchFamily="34" charset="0"/>
              </a:rPr>
              <a:t>En se fondant sur un courriel, non allégué par les parties, qui laisserait entendre que le courtier B. s’était aussi fait promettre le paiement d’un salaire par l’acheteur, le tribunal d’appel a considéré qu’il s’agissait d’un double mandat entraînant la nullité des contrats de courtage et donc la perte de toute rémunération au courtier (</a:t>
            </a:r>
            <a:r>
              <a:rPr lang="fr-FR" sz="1400" i="1" dirty="0">
                <a:latin typeface="Arial" panose="020B0604020202020204" pitchFamily="34" charset="0"/>
                <a:cs typeface="Arial" panose="020B0604020202020204" pitchFamily="34" charset="0"/>
              </a:rPr>
              <a:t>cf</a:t>
            </a:r>
            <a:r>
              <a:rPr lang="fr-FR" sz="1400" dirty="0">
                <a:latin typeface="Arial" panose="020B0604020202020204" pitchFamily="34" charset="0"/>
                <a:cs typeface="Arial" panose="020B0604020202020204" pitchFamily="34" charset="0"/>
              </a:rPr>
              <a:t>. art. 415 CO)</a:t>
            </a:r>
          </a:p>
          <a:p>
            <a:pPr marL="273050" indent="-273050" algn="just">
              <a:spcBef>
                <a:spcPts val="1200"/>
              </a:spcBef>
            </a:pPr>
            <a:r>
              <a:rPr lang="fr-FR" sz="1400" dirty="0">
                <a:latin typeface="Arial" panose="020B0604020202020204" pitchFamily="34" charset="0"/>
                <a:cs typeface="Arial" panose="020B0604020202020204" pitchFamily="34" charset="0"/>
              </a:rPr>
              <a:t>Le TF constate que A. n’a jamais invoqué l’argument tiré du double courtage. Ainsi, le courriel susmentionné, qui permet de retenir la présence d’un double courtage de négociation, sort tant du cadre factuel présenté par les parties que du contexte juridique de la cause</a:t>
            </a:r>
          </a:p>
          <a:p>
            <a:pPr marL="273050" indent="-273050" algn="just">
              <a:spcBef>
                <a:spcPts val="1200"/>
              </a:spcBef>
            </a:pPr>
            <a:r>
              <a:rPr lang="fr-FR" sz="1400" dirty="0">
                <a:latin typeface="Arial" panose="020B0604020202020204" pitchFamily="34" charset="0"/>
                <a:cs typeface="Arial" panose="020B0604020202020204" pitchFamily="34" charset="0"/>
              </a:rPr>
              <a:t>En fondant son jugement sur un courriel que les parties n’avaient jamais invoqué, le tribunal cantonal a violé la maxime des débats (art. 55 al. 1 </a:t>
            </a:r>
            <a:r>
              <a:rPr lang="fr-FR" sz="1400" dirty="0" err="1">
                <a:latin typeface="Arial" panose="020B0604020202020204" pitchFamily="34" charset="0"/>
                <a:cs typeface="Arial" panose="020B0604020202020204" pitchFamily="34" charset="0"/>
              </a:rPr>
              <a:t>CPC</a:t>
            </a:r>
            <a:r>
              <a:rPr lang="fr-FR" sz="1400" dirty="0">
                <a:latin typeface="Arial" panose="020B0604020202020204" pitchFamily="34" charset="0"/>
                <a:cs typeface="Arial" panose="020B0604020202020204" pitchFamily="34" charset="0"/>
              </a:rPr>
              <a:t>)</a:t>
            </a:r>
          </a:p>
          <a:p>
            <a:pPr marL="0" indent="0">
              <a:buNone/>
            </a:pPr>
            <a:endParaRPr lang="fr-CH" dirty="0">
              <a:latin typeface="Arial" panose="020B0604020202020204" pitchFamily="34" charset="0"/>
              <a:cs typeface="Arial" panose="020B0604020202020204" pitchFamily="34" charset="0"/>
            </a:endParaRPr>
          </a:p>
        </p:txBody>
      </p:sp>
      <p:sp>
        <p:nvSpPr>
          <p:cNvPr id="6" name="Foliennummernplatzhalter 5">
            <a:extLst>
              <a:ext uri="{FF2B5EF4-FFF2-40B4-BE49-F238E27FC236}">
                <a16:creationId xmlns:a16="http://schemas.microsoft.com/office/drawing/2014/main" id="{C7FB46CD-B793-13BF-6C5A-929DD18A2713}"/>
              </a:ext>
            </a:extLst>
          </p:cNvPr>
          <p:cNvSpPr>
            <a:spLocks noGrp="1"/>
          </p:cNvSpPr>
          <p:nvPr>
            <p:ph type="sldNum" sz="quarter" idx="14"/>
          </p:nvPr>
        </p:nvSpPr>
        <p:spPr/>
        <p:txBody>
          <a:bodyPr/>
          <a:lstStyle/>
          <a:p>
            <a:fld id="{19809D7B-43F8-41D1-945E-D0BD3916A643}" type="slidenum">
              <a:rPr lang="fr-CH" smtClean="0">
                <a:latin typeface="Arial" panose="020B0604020202020204" pitchFamily="34" charset="0"/>
                <a:cs typeface="Arial" panose="020B0604020202020204" pitchFamily="34" charset="0"/>
              </a:rPr>
              <a:pPr/>
              <a:t>12</a:t>
            </a:fld>
            <a:endParaRPr lang="fr-CH" dirty="0">
              <a:latin typeface="Arial" panose="020B0604020202020204" pitchFamily="34" charset="0"/>
              <a:cs typeface="Arial" panose="020B0604020202020204" pitchFamily="34" charset="0"/>
            </a:endParaRPr>
          </a:p>
        </p:txBody>
      </p:sp>
      <p:sp>
        <p:nvSpPr>
          <p:cNvPr id="9" name="Untertitel 2">
            <a:extLst>
              <a:ext uri="{FF2B5EF4-FFF2-40B4-BE49-F238E27FC236}">
                <a16:creationId xmlns:a16="http://schemas.microsoft.com/office/drawing/2014/main" id="{673DAE38-D8C7-8F73-D336-8E84651875F8}"/>
              </a:ext>
            </a:extLst>
          </p:cNvPr>
          <p:cNvSpPr>
            <a:spLocks noGrp="1"/>
          </p:cNvSpPr>
          <p:nvPr>
            <p:ph type="subTitle" idx="13"/>
          </p:nvPr>
        </p:nvSpPr>
        <p:spPr>
          <a:xfrm>
            <a:off x="334963" y="222250"/>
            <a:ext cx="9359900" cy="244475"/>
          </a:xfrm>
        </p:spPr>
        <p:txBody>
          <a:bodyPr/>
          <a:lstStyle/>
          <a:p>
            <a:r>
              <a:rPr lang="fr-CH" dirty="0">
                <a:latin typeface="Arial" panose="020B0604020202020204" pitchFamily="34" charset="0"/>
                <a:cs typeface="Arial" panose="020B0604020202020204" pitchFamily="34" charset="0"/>
              </a:rPr>
              <a:t>II.	Exploitabilité des faits exorbitants</a:t>
            </a:r>
          </a:p>
        </p:txBody>
      </p:sp>
      <p:sp>
        <p:nvSpPr>
          <p:cNvPr id="11" name="Textfeld 10">
            <a:extLst>
              <a:ext uri="{FF2B5EF4-FFF2-40B4-BE49-F238E27FC236}">
                <a16:creationId xmlns:a16="http://schemas.microsoft.com/office/drawing/2014/main" id="{360A046B-301E-8302-8970-D1AE30C03696}"/>
              </a:ext>
            </a:extLst>
          </p:cNvPr>
          <p:cNvSpPr txBox="1"/>
          <p:nvPr/>
        </p:nvSpPr>
        <p:spPr>
          <a:xfrm>
            <a:off x="551384" y="836712"/>
            <a:ext cx="11089231" cy="276999"/>
          </a:xfrm>
          <a:prstGeom prst="rect">
            <a:avLst/>
          </a:prstGeom>
          <a:noFill/>
        </p:spPr>
        <p:txBody>
          <a:bodyPr wrap="square" lIns="0" tIns="0" rIns="0" bIns="0" rtlCol="0">
            <a:spAutoFit/>
          </a:bodyPr>
          <a:lstStyle/>
          <a:p>
            <a:pPr algn="ctr"/>
            <a:r>
              <a:rPr lang="fr-CH" b="1" dirty="0">
                <a:latin typeface="Arial" panose="020B0604020202020204" pitchFamily="34" charset="0"/>
                <a:cs typeface="Arial" panose="020B0604020202020204" pitchFamily="34" charset="0"/>
              </a:rPr>
              <a:t>Les faits exorbitants à l’exemple de l’</a:t>
            </a:r>
            <a:r>
              <a:rPr lang="fr-CH" b="1" dirty="0" err="1">
                <a:latin typeface="Arial" panose="020B0604020202020204" pitchFamily="34" charset="0"/>
                <a:cs typeface="Arial" panose="020B0604020202020204" pitchFamily="34" charset="0"/>
              </a:rPr>
              <a:t>ATF</a:t>
            </a:r>
            <a:r>
              <a:rPr lang="fr-CH" b="1" dirty="0">
                <a:latin typeface="Arial" panose="020B0604020202020204" pitchFamily="34" charset="0"/>
                <a:cs typeface="Arial" panose="020B0604020202020204" pitchFamily="34" charset="0"/>
              </a:rPr>
              <a:t> 142 III 462 </a:t>
            </a:r>
          </a:p>
        </p:txBody>
      </p:sp>
      <p:sp>
        <p:nvSpPr>
          <p:cNvPr id="12" name="Textfeld 11">
            <a:extLst>
              <a:ext uri="{FF2B5EF4-FFF2-40B4-BE49-F238E27FC236}">
                <a16:creationId xmlns:a16="http://schemas.microsoft.com/office/drawing/2014/main" id="{252ED038-0D13-21BF-6973-5680D275E1E8}"/>
              </a:ext>
            </a:extLst>
          </p:cNvPr>
          <p:cNvSpPr txBox="1"/>
          <p:nvPr/>
        </p:nvSpPr>
        <p:spPr>
          <a:xfrm>
            <a:off x="551384" y="1556792"/>
            <a:ext cx="5184576" cy="276999"/>
          </a:xfrm>
          <a:prstGeom prst="rect">
            <a:avLst/>
          </a:prstGeom>
          <a:noFill/>
          <a:ln>
            <a:solidFill>
              <a:srgbClr val="92D050"/>
            </a:solidFill>
          </a:ln>
        </p:spPr>
        <p:txBody>
          <a:bodyPr wrap="square" lIns="0" tIns="0" rIns="0" bIns="0" rtlCol="0">
            <a:spAutoFit/>
          </a:bodyPr>
          <a:lstStyle/>
          <a:p>
            <a:pPr algn="ctr"/>
            <a:r>
              <a:rPr lang="fr-CH" dirty="0">
                <a:latin typeface="Arial" panose="020B0604020202020204" pitchFamily="34" charset="0"/>
                <a:cs typeface="Arial" panose="020B0604020202020204" pitchFamily="34" charset="0"/>
              </a:rPr>
              <a:t>En faits</a:t>
            </a:r>
          </a:p>
        </p:txBody>
      </p:sp>
      <p:sp>
        <p:nvSpPr>
          <p:cNvPr id="13" name="Textfeld 12">
            <a:extLst>
              <a:ext uri="{FF2B5EF4-FFF2-40B4-BE49-F238E27FC236}">
                <a16:creationId xmlns:a16="http://schemas.microsoft.com/office/drawing/2014/main" id="{9478CE08-50DE-16B1-4102-F17D9E912409}"/>
              </a:ext>
            </a:extLst>
          </p:cNvPr>
          <p:cNvSpPr txBox="1"/>
          <p:nvPr/>
        </p:nvSpPr>
        <p:spPr>
          <a:xfrm>
            <a:off x="6456040" y="1556792"/>
            <a:ext cx="5184576" cy="276999"/>
          </a:xfrm>
          <a:prstGeom prst="rect">
            <a:avLst/>
          </a:prstGeom>
          <a:noFill/>
          <a:ln>
            <a:solidFill>
              <a:srgbClr val="92D050"/>
            </a:solidFill>
          </a:ln>
        </p:spPr>
        <p:txBody>
          <a:bodyPr wrap="square" lIns="0" tIns="0" rIns="0" bIns="0" rtlCol="0">
            <a:spAutoFit/>
          </a:bodyPr>
          <a:lstStyle/>
          <a:p>
            <a:pPr algn="ctr"/>
            <a:r>
              <a:rPr lang="fr-CH" dirty="0">
                <a:latin typeface="Arial" panose="020B0604020202020204" pitchFamily="34" charset="0"/>
                <a:cs typeface="Arial" panose="020B0604020202020204" pitchFamily="34" charset="0"/>
              </a:rPr>
              <a:t>En droit</a:t>
            </a:r>
          </a:p>
        </p:txBody>
      </p:sp>
      <p:sp>
        <p:nvSpPr>
          <p:cNvPr id="2" name="Textfeld 1">
            <a:extLst>
              <a:ext uri="{FF2B5EF4-FFF2-40B4-BE49-F238E27FC236}">
                <a16:creationId xmlns:a16="http://schemas.microsoft.com/office/drawing/2014/main" id="{D3322D25-E39E-CCA5-50AF-366E853C9BA3}"/>
              </a:ext>
            </a:extLst>
          </p:cNvPr>
          <p:cNvSpPr txBox="1"/>
          <p:nvPr/>
        </p:nvSpPr>
        <p:spPr>
          <a:xfrm>
            <a:off x="11712228" y="260648"/>
            <a:ext cx="216420" cy="1584176"/>
          </a:xfrm>
          <a:prstGeom prst="rect">
            <a:avLst/>
          </a:prstGeom>
          <a:solidFill>
            <a:schemeClr val="bg1"/>
          </a:solidFill>
        </p:spPr>
        <p:txBody>
          <a:bodyPr wrap="square" lIns="0" tIns="0" rIns="0" bIns="0" rtlCol="0">
            <a:spAutoFit/>
          </a:bodyPr>
          <a:lstStyle/>
          <a:p>
            <a:pPr algn="l"/>
            <a:endParaRPr lang="de-CH" dirty="0" err="1"/>
          </a:p>
        </p:txBody>
      </p:sp>
      <p:sp>
        <p:nvSpPr>
          <p:cNvPr id="17" name="Titel 1">
            <a:extLst>
              <a:ext uri="{FF2B5EF4-FFF2-40B4-BE49-F238E27FC236}">
                <a16:creationId xmlns:a16="http://schemas.microsoft.com/office/drawing/2014/main" id="{1262184C-D4D5-23EA-6D32-0FE93B9A5BA6}"/>
              </a:ext>
            </a:extLst>
          </p:cNvPr>
          <p:cNvSpPr>
            <a:spLocks noGrp="1"/>
          </p:cNvSpPr>
          <p:nvPr>
            <p:ph type="title"/>
          </p:nvPr>
        </p:nvSpPr>
        <p:spPr>
          <a:xfrm>
            <a:off x="335360" y="446738"/>
            <a:ext cx="9360000" cy="461982"/>
          </a:xfrm>
        </p:spPr>
        <p:txBody>
          <a:bodyPr/>
          <a:lstStyle/>
          <a:p>
            <a:r>
              <a:rPr lang="fr-CH" b="0" dirty="0">
                <a:latin typeface="Arial" panose="020B0604020202020204" pitchFamily="34" charset="0"/>
                <a:cs typeface="Arial" panose="020B0604020202020204" pitchFamily="34" charset="0"/>
              </a:rPr>
              <a:t>B.	Solution proposée</a:t>
            </a:r>
            <a:endParaRPr lang="fr-CH"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73186426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Untertitel 2">
            <a:extLst>
              <a:ext uri="{FF2B5EF4-FFF2-40B4-BE49-F238E27FC236}">
                <a16:creationId xmlns:a16="http://schemas.microsoft.com/office/drawing/2014/main" id="{20FC7E6E-0430-EF29-0BEC-08ED2DDC5ABB}"/>
              </a:ext>
            </a:extLst>
          </p:cNvPr>
          <p:cNvSpPr>
            <a:spLocks noGrp="1"/>
          </p:cNvSpPr>
          <p:nvPr>
            <p:ph type="subTitle" idx="13"/>
          </p:nvPr>
        </p:nvSpPr>
        <p:spPr/>
        <p:txBody>
          <a:bodyPr/>
          <a:lstStyle/>
          <a:p>
            <a:r>
              <a:rPr lang="fr-CH" dirty="0">
                <a:latin typeface="Arial" panose="020B0604020202020204" pitchFamily="34" charset="0"/>
                <a:cs typeface="Arial" panose="020B0604020202020204" pitchFamily="34" charset="0"/>
              </a:rPr>
              <a:t>III.	Conclusion</a:t>
            </a:r>
          </a:p>
        </p:txBody>
      </p:sp>
      <p:sp>
        <p:nvSpPr>
          <p:cNvPr id="4" name="Textplatzhalter 3">
            <a:extLst>
              <a:ext uri="{FF2B5EF4-FFF2-40B4-BE49-F238E27FC236}">
                <a16:creationId xmlns:a16="http://schemas.microsoft.com/office/drawing/2014/main" id="{6732FCCB-006E-F612-96CC-D52619A0D80F}"/>
              </a:ext>
            </a:extLst>
          </p:cNvPr>
          <p:cNvSpPr>
            <a:spLocks noGrp="1"/>
          </p:cNvSpPr>
          <p:nvPr>
            <p:ph type="body" sz="quarter" idx="15"/>
          </p:nvPr>
        </p:nvSpPr>
        <p:spPr/>
        <p:txBody>
          <a:bodyPr/>
          <a:lstStyle/>
          <a:p>
            <a:r>
              <a:rPr lang="fr-CH" b="1" dirty="0">
                <a:latin typeface="Arial" panose="020B0604020202020204" pitchFamily="34" charset="0"/>
                <a:cs typeface="Arial" panose="020B0604020202020204" pitchFamily="34" charset="0"/>
              </a:rPr>
              <a:t>Conclusion</a:t>
            </a:r>
          </a:p>
        </p:txBody>
      </p:sp>
      <p:sp>
        <p:nvSpPr>
          <p:cNvPr id="5" name="Foliennummernplatzhalter 4">
            <a:extLst>
              <a:ext uri="{FF2B5EF4-FFF2-40B4-BE49-F238E27FC236}">
                <a16:creationId xmlns:a16="http://schemas.microsoft.com/office/drawing/2014/main" id="{BB238AC5-8F97-ED88-764C-9E3859AB19F1}"/>
              </a:ext>
            </a:extLst>
          </p:cNvPr>
          <p:cNvSpPr>
            <a:spLocks noGrp="1"/>
          </p:cNvSpPr>
          <p:nvPr>
            <p:ph type="sldNum" sz="quarter" idx="16"/>
          </p:nvPr>
        </p:nvSpPr>
        <p:spPr/>
        <p:txBody>
          <a:bodyPr/>
          <a:lstStyle/>
          <a:p>
            <a:fld id="{6B4E1B5C-C2B1-4CDF-B350-7FFCB8B9AB3D}" type="slidenum">
              <a:rPr lang="fr-CH" smtClean="0">
                <a:latin typeface="Arial" panose="020B0604020202020204" pitchFamily="34" charset="0"/>
                <a:cs typeface="Arial" panose="020B0604020202020204" pitchFamily="34" charset="0"/>
              </a:rPr>
              <a:pPr/>
              <a:t>13</a:t>
            </a:fld>
            <a:endParaRPr lang="fr-CH" dirty="0">
              <a:latin typeface="Arial" panose="020B0604020202020204" pitchFamily="34" charset="0"/>
              <a:cs typeface="Arial" panose="020B0604020202020204" pitchFamily="34" charset="0"/>
            </a:endParaRPr>
          </a:p>
        </p:txBody>
      </p:sp>
      <p:sp>
        <p:nvSpPr>
          <p:cNvPr id="9" name="Textfeld 8">
            <a:extLst>
              <a:ext uri="{FF2B5EF4-FFF2-40B4-BE49-F238E27FC236}">
                <a16:creationId xmlns:a16="http://schemas.microsoft.com/office/drawing/2014/main" id="{6559CB2B-C47E-8B3D-2844-757DD5AC0ACD}"/>
              </a:ext>
            </a:extLst>
          </p:cNvPr>
          <p:cNvSpPr txBox="1"/>
          <p:nvPr/>
        </p:nvSpPr>
        <p:spPr>
          <a:xfrm>
            <a:off x="3503712" y="787447"/>
            <a:ext cx="7704856" cy="5847755"/>
          </a:xfrm>
          <a:prstGeom prst="rect">
            <a:avLst/>
          </a:prstGeom>
          <a:noFill/>
        </p:spPr>
        <p:txBody>
          <a:bodyPr wrap="square">
            <a:spAutoFit/>
          </a:bodyPr>
          <a:lstStyle/>
          <a:p>
            <a:pPr marL="361950" marR="0" lvl="0" indent="-361950" algn="just" defTabSz="914400" rtl="0" eaLnBrk="1" fontAlgn="auto" latinLnBrk="0" hangingPunct="1">
              <a:spcBef>
                <a:spcPts val="1200"/>
              </a:spcBef>
              <a:spcAft>
                <a:spcPts val="0"/>
              </a:spcAft>
              <a:buClrTx/>
              <a:buSzTx/>
              <a:buFont typeface="Aktiv Grotesk Homburger" panose="020B0404020202020204" pitchFamily="34" charset="0"/>
              <a:buChar char="—"/>
              <a:tabLst/>
              <a:defRPr/>
            </a:pP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L’émergence de faits exorbitants n’est pas un phénomène marginal et représente un risque inhérent à chaque procès</a:t>
            </a:r>
          </a:p>
          <a:p>
            <a:pPr marL="361950" marR="0" lvl="0" indent="-361950" algn="just" defTabSz="914400" rtl="0" eaLnBrk="1" fontAlgn="auto" latinLnBrk="0" hangingPunct="1">
              <a:spcBef>
                <a:spcPts val="1200"/>
              </a:spcBef>
              <a:spcAft>
                <a:spcPts val="0"/>
              </a:spcAft>
              <a:buClrTx/>
              <a:buSzTx/>
              <a:buFont typeface="Aktiv Grotesk Homburger" panose="020B0404020202020204" pitchFamily="34" charset="0"/>
              <a:buChar char="—"/>
              <a:tabLst/>
              <a:defRPr/>
            </a:pP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Le tribunal doit orchestrer le procès de manière à éviter, dans la mesure du possible, l’irruption de faits exorbitants dans les </a:t>
            </a:r>
            <a:r>
              <a:rPr kumimoji="0" lang="fr-CH" sz="1400" i="0" u="none" strike="noStrike" kern="100" cap="none" spc="0" normalizeH="0" baseline="0" noProof="0" dirty="0" err="1">
                <a:ln>
                  <a:noFill/>
                </a:ln>
                <a:solidFill>
                  <a:srgbClr val="000000"/>
                </a:solidFill>
                <a:effectLst/>
                <a:uLnTx/>
                <a:uFillTx/>
                <a:latin typeface="Arial" panose="020B0604020202020204" pitchFamily="34" charset="0"/>
                <a:cs typeface="Arial" panose="020B0604020202020204" pitchFamily="34" charset="0"/>
              </a:rPr>
              <a:t>procè</a:t>
            </a:r>
            <a:r>
              <a:rPr lang="fr-CH" sz="1400" kern="100" dirty="0">
                <a:solidFill>
                  <a:srgbClr val="000000"/>
                </a:solidFill>
                <a:latin typeface="Arial" panose="020B0604020202020204" pitchFamily="34" charset="0"/>
                <a:cs typeface="Arial" panose="020B0604020202020204" pitchFamily="34" charset="0"/>
              </a:rPr>
              <a:t>s soumis  la maxime des débats</a:t>
            </a:r>
            <a:endPar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endParaRPr>
          </a:p>
          <a:p>
            <a:pPr marL="361950" marR="0" lvl="0" indent="-361950" algn="just" defTabSz="914400" rtl="0" eaLnBrk="1" fontAlgn="auto" latinLnBrk="0" hangingPunct="1">
              <a:spcBef>
                <a:spcPts val="1200"/>
              </a:spcBef>
              <a:spcAft>
                <a:spcPts val="0"/>
              </a:spcAft>
              <a:buClrTx/>
              <a:buSzTx/>
              <a:buFont typeface="Aktiv Grotesk Homburger" panose="020B0404020202020204" pitchFamily="34" charset="0"/>
              <a:buChar char="—"/>
              <a:tabLst/>
              <a:defRPr/>
            </a:pP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La question de l’exploitabilité des faits exorbitants est controversée et il convient de distinguer deux cas de figure, qui appellent des solutions différentes</a:t>
            </a:r>
          </a:p>
          <a:p>
            <a:pPr marL="630238" marR="0" lvl="2" indent="-268288" algn="just" defTabSz="914400" rtl="0" eaLnBrk="1" fontAlgn="auto" latinLnBrk="0" hangingPunct="1">
              <a:spcBef>
                <a:spcPts val="1200"/>
              </a:spcBef>
              <a:spcAft>
                <a:spcPts val="0"/>
              </a:spcAft>
              <a:buClrTx/>
              <a:buSzTx/>
              <a:buFont typeface="Symbol" panose="05050102010706020507" pitchFamily="18" charset="2"/>
              <a:buChar char="-"/>
              <a:tabLst/>
              <a:defRPr/>
            </a:pP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Le fait prouvé qui vient uniquement concrétiser une allégation générique, de sorte qu’il peut être valablement rattaché au cadre du procès prédéfini (fait exorbitant au sens impropre)</a:t>
            </a:r>
          </a:p>
          <a:p>
            <a:pPr marL="630238" marR="0" lvl="2" indent="-268288" algn="just" defTabSz="914400" rtl="0" eaLnBrk="1" fontAlgn="auto" latinLnBrk="0" hangingPunct="1">
              <a:spcBef>
                <a:spcPts val="1200"/>
              </a:spcBef>
              <a:spcAft>
                <a:spcPts val="0"/>
              </a:spcAft>
              <a:buClrTx/>
              <a:buSzTx/>
              <a:buFont typeface="Symbol" panose="05050102010706020507" pitchFamily="18" charset="2"/>
              <a:buChar char="-"/>
              <a:tabLst/>
              <a:defRPr/>
            </a:pP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Le fait prouvé qui sort du cadre des faits allégués (fait exorbitant au sens propre)</a:t>
            </a:r>
          </a:p>
          <a:p>
            <a:pPr marL="361950" marR="0" lvl="0" indent="-361950" algn="just" defTabSz="914400" rtl="0" eaLnBrk="1" fontAlgn="auto" latinLnBrk="0" hangingPunct="1">
              <a:spcBef>
                <a:spcPts val="1200"/>
              </a:spcBef>
              <a:spcAft>
                <a:spcPts val="0"/>
              </a:spcAft>
              <a:buClrTx/>
              <a:buSzTx/>
              <a:buFont typeface="Aktiv Grotesk Homburger" panose="020B0404020202020204" pitchFamily="34" charset="0"/>
              <a:buChar char="—"/>
              <a:tabLst/>
              <a:defRPr/>
            </a:pP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L’admissibilité des faits exorbitants au sens impropre se détermine à l’aune des exigences de la maxime des débats. S’ils peuvent être rattachés à un allégué, ils sont sans autre exploitables</a:t>
            </a:r>
          </a:p>
          <a:p>
            <a:pPr marL="361950" marR="0" lvl="0" indent="-361950" algn="just" defTabSz="914400" rtl="0" eaLnBrk="1" fontAlgn="auto" latinLnBrk="0" hangingPunct="1">
              <a:spcBef>
                <a:spcPts val="1200"/>
              </a:spcBef>
              <a:spcAft>
                <a:spcPts val="0"/>
              </a:spcAft>
              <a:buClrTx/>
              <a:buSzTx/>
              <a:buFont typeface="Aktiv Grotesk Homburger" panose="020B0404020202020204" pitchFamily="34" charset="0"/>
              <a:buChar char="—"/>
              <a:tabLst/>
              <a:defRPr/>
            </a:pP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L’admissibilité des faits exorbitants au sens propre se mesure aux exigences des </a:t>
            </a:r>
            <a:r>
              <a:rPr kumimoji="0" lang="fr-CH" sz="1400" i="1"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nova. </a:t>
            </a: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Une requête de </a:t>
            </a:r>
            <a:r>
              <a:rPr kumimoji="0" lang="fr-CH" sz="1400" i="1"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nova</a:t>
            </a: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 est alors nécessaire. Si l’objet du litige est modifié, une modification de la demande peut être requise</a:t>
            </a:r>
          </a:p>
          <a:p>
            <a:pPr marL="361950" marR="0" lvl="0" indent="-361950" algn="just" defTabSz="914400" rtl="0" eaLnBrk="1" fontAlgn="auto" latinLnBrk="0" hangingPunct="1">
              <a:spcBef>
                <a:spcPts val="1200"/>
              </a:spcBef>
              <a:spcAft>
                <a:spcPts val="0"/>
              </a:spcAft>
              <a:buClrTx/>
              <a:buSzTx/>
              <a:buFont typeface="Aktiv Grotesk Homburger" panose="020B0404020202020204" pitchFamily="34" charset="0"/>
              <a:buChar char="—"/>
              <a:tabLst/>
              <a:defRPr/>
            </a:pP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Indépendamment de sa qualification, un fait exorbitant (au sens propre ou impropre) n’est exploitable que si les parties ont fait preuve de la diligence procédurale commandée par les circonstances du cas concret</a:t>
            </a:r>
          </a:p>
          <a:p>
            <a:pPr marL="361950" marR="0" lvl="0" indent="-361950" algn="just" defTabSz="914400" rtl="0" eaLnBrk="1" fontAlgn="auto" latinLnBrk="0" hangingPunct="1">
              <a:spcBef>
                <a:spcPts val="1200"/>
              </a:spcBef>
              <a:spcAft>
                <a:spcPts val="0"/>
              </a:spcAft>
              <a:buClrTx/>
              <a:buSzTx/>
              <a:buFont typeface="Aktiv Grotesk Homburger" panose="020B0404020202020204" pitchFamily="34" charset="0"/>
              <a:buChar char="—"/>
              <a:tabLst/>
              <a:defRPr/>
            </a:pP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La frontière entre fait exorbitant aux sens propre et impropre ne saurait clairement être dessinée </a:t>
            </a:r>
            <a:r>
              <a:rPr kumimoji="0" lang="fr-CH" sz="1400" i="1"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in abstracto </a:t>
            </a:r>
            <a:r>
              <a:rPr kumimoji="0" lang="fr-CH" sz="1400" i="0" u="none" strike="noStrike" kern="1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et cette problématique continuera de poser des défis en pratique </a:t>
            </a:r>
          </a:p>
        </p:txBody>
      </p:sp>
      <p:sp>
        <p:nvSpPr>
          <p:cNvPr id="2" name="Textfeld 1">
            <a:extLst>
              <a:ext uri="{FF2B5EF4-FFF2-40B4-BE49-F238E27FC236}">
                <a16:creationId xmlns:a16="http://schemas.microsoft.com/office/drawing/2014/main" id="{F0CD7C38-8B9F-6638-B2CB-38C63F49FA44}"/>
              </a:ext>
            </a:extLst>
          </p:cNvPr>
          <p:cNvSpPr txBox="1"/>
          <p:nvPr/>
        </p:nvSpPr>
        <p:spPr>
          <a:xfrm>
            <a:off x="11496600" y="260648"/>
            <a:ext cx="504056" cy="1584176"/>
          </a:xfrm>
          <a:prstGeom prst="rect">
            <a:avLst/>
          </a:prstGeom>
          <a:solidFill>
            <a:schemeClr val="bg1"/>
          </a:solidFill>
        </p:spPr>
        <p:txBody>
          <a:bodyPr wrap="square" lIns="0" tIns="0" rIns="0" bIns="0" rtlCol="0">
            <a:spAutoFit/>
          </a:bodyPr>
          <a:lstStyle/>
          <a:p>
            <a:pPr algn="l"/>
            <a:endParaRPr lang="de-CH" dirty="0" err="1"/>
          </a:p>
        </p:txBody>
      </p:sp>
    </p:spTree>
    <p:extLst>
      <p:ext uri="{BB962C8B-B14F-4D97-AF65-F5344CB8AC3E}">
        <p14:creationId xmlns:p14="http://schemas.microsoft.com/office/powerpoint/2010/main" val="91772912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platzhalter 1">
            <a:extLst>
              <a:ext uri="{FF2B5EF4-FFF2-40B4-BE49-F238E27FC236}">
                <a16:creationId xmlns:a16="http://schemas.microsoft.com/office/drawing/2014/main" id="{18CA9514-49C2-405E-A442-3746036DEC87}"/>
              </a:ext>
            </a:extLst>
          </p:cNvPr>
          <p:cNvSpPr>
            <a:spLocks noGrp="1"/>
          </p:cNvSpPr>
          <p:nvPr>
            <p:ph type="body" sz="quarter" idx="14"/>
          </p:nvPr>
        </p:nvSpPr>
        <p:spPr>
          <a:xfrm>
            <a:off x="334962" y="1667042"/>
            <a:ext cx="3600000" cy="465814"/>
          </a:xfrm>
        </p:spPr>
        <p:txBody>
          <a:bodyPr/>
          <a:lstStyle/>
          <a:p>
            <a:r>
              <a:rPr lang="de-CH" sz="2000" dirty="0">
                <a:solidFill>
                  <a:schemeClr val="tx1"/>
                </a:solidFill>
                <a:latin typeface="Arial" panose="020B0604020202020204" pitchFamily="34" charset="0"/>
                <a:cs typeface="Arial" panose="020B0604020202020204" pitchFamily="34" charset="0"/>
              </a:rPr>
              <a:t>Merci de </a:t>
            </a:r>
            <a:r>
              <a:rPr lang="de-CH" sz="2000" dirty="0" err="1">
                <a:solidFill>
                  <a:schemeClr val="tx1"/>
                </a:solidFill>
                <a:latin typeface="Arial" panose="020B0604020202020204" pitchFamily="34" charset="0"/>
                <a:cs typeface="Arial" panose="020B0604020202020204" pitchFamily="34" charset="0"/>
              </a:rPr>
              <a:t>votre</a:t>
            </a:r>
            <a:r>
              <a:rPr lang="de-CH" sz="2000" dirty="0">
                <a:solidFill>
                  <a:schemeClr val="tx1"/>
                </a:solidFill>
                <a:latin typeface="Arial" panose="020B0604020202020204" pitchFamily="34" charset="0"/>
                <a:cs typeface="Arial" panose="020B0604020202020204" pitchFamily="34" charset="0"/>
              </a:rPr>
              <a:t> </a:t>
            </a:r>
            <a:r>
              <a:rPr lang="de-CH" sz="2000" dirty="0" err="1">
                <a:solidFill>
                  <a:schemeClr val="tx1"/>
                </a:solidFill>
                <a:latin typeface="Arial" panose="020B0604020202020204" pitchFamily="34" charset="0"/>
                <a:cs typeface="Arial" panose="020B0604020202020204" pitchFamily="34" charset="0"/>
              </a:rPr>
              <a:t>attention</a:t>
            </a:r>
            <a:r>
              <a:rPr lang="de-CH" sz="2000" dirty="0">
                <a:solidFill>
                  <a:schemeClr val="tx1"/>
                </a:solidFill>
                <a:latin typeface="Arial" panose="020B0604020202020204" pitchFamily="34" charset="0"/>
                <a:cs typeface="Arial" panose="020B0604020202020204" pitchFamily="34" charset="0"/>
              </a:rPr>
              <a:t> !</a:t>
            </a:r>
          </a:p>
        </p:txBody>
      </p:sp>
      <p:sp>
        <p:nvSpPr>
          <p:cNvPr id="7" name="Textplatzhalter 6">
            <a:extLst>
              <a:ext uri="{FF2B5EF4-FFF2-40B4-BE49-F238E27FC236}">
                <a16:creationId xmlns:a16="http://schemas.microsoft.com/office/drawing/2014/main" id="{100E25B6-FC19-4BF3-9504-94458C4B6362}"/>
              </a:ext>
            </a:extLst>
          </p:cNvPr>
          <p:cNvSpPr>
            <a:spLocks noGrp="1"/>
          </p:cNvSpPr>
          <p:nvPr>
            <p:ph type="body" sz="quarter" idx="20"/>
          </p:nvPr>
        </p:nvSpPr>
        <p:spPr>
          <a:xfrm>
            <a:off x="1991544" y="5371773"/>
            <a:ext cx="5184576" cy="1261564"/>
          </a:xfrm>
        </p:spPr>
        <p:txBody>
          <a:bodyPr/>
          <a:lstStyle/>
          <a:p>
            <a:pPr>
              <a:tabLst>
                <a:tab pos="162000" algn="l"/>
              </a:tabLst>
            </a:pPr>
            <a:r>
              <a:rPr lang="de-CH" sz="1400" noProof="1">
                <a:solidFill>
                  <a:schemeClr val="tx1"/>
                </a:solidFill>
                <a:latin typeface="Arial" panose="020B0604020202020204" pitchFamily="34" charset="0"/>
                <a:cs typeface="Arial" panose="020B0604020202020204" pitchFamily="34" charset="0"/>
              </a:rPr>
              <a:t>Frédéric Fitzi</a:t>
            </a:r>
          </a:p>
          <a:p>
            <a:pPr>
              <a:tabLst>
                <a:tab pos="162000" algn="l"/>
              </a:tabLst>
            </a:pPr>
            <a:r>
              <a:rPr lang="de-CH" sz="1400" noProof="1">
                <a:solidFill>
                  <a:schemeClr val="tx1"/>
                </a:solidFill>
                <a:latin typeface="Arial" panose="020B0604020202020204" pitchFamily="34" charset="0"/>
                <a:cs typeface="Arial" panose="020B0604020202020204" pitchFamily="34" charset="0"/>
              </a:rPr>
              <a:t>Avocat, Homburger AG</a:t>
            </a:r>
          </a:p>
          <a:p>
            <a:pPr>
              <a:tabLst>
                <a:tab pos="162000" algn="l"/>
              </a:tabLst>
            </a:pPr>
            <a:r>
              <a:rPr lang="de-CH" sz="1400" noProof="1">
                <a:solidFill>
                  <a:schemeClr val="tx1"/>
                </a:solidFill>
                <a:latin typeface="Arial" panose="020B0604020202020204" pitchFamily="34" charset="0"/>
                <a:cs typeface="Arial" panose="020B0604020202020204" pitchFamily="34" charset="0"/>
              </a:rPr>
              <a:t>Collaborateur scientifique à l’Université de Neuchâtel</a:t>
            </a:r>
            <a:br>
              <a:rPr lang="de-CH" sz="1400" noProof="1">
                <a:solidFill>
                  <a:schemeClr val="tx1"/>
                </a:solidFill>
                <a:latin typeface="Arial" panose="020B0604020202020204" pitchFamily="34" charset="0"/>
                <a:cs typeface="Arial" panose="020B0604020202020204" pitchFamily="34" charset="0"/>
              </a:rPr>
            </a:br>
            <a:r>
              <a:rPr lang="de-CH" sz="1400" noProof="1">
                <a:solidFill>
                  <a:schemeClr val="tx1"/>
                </a:solidFill>
                <a:latin typeface="Arial" panose="020B0604020202020204" pitchFamily="34" charset="0"/>
                <a:cs typeface="Arial" panose="020B0604020202020204" pitchFamily="34" charset="0"/>
              </a:rPr>
              <a:t>frederic.fitzi@unine.ch</a:t>
            </a:r>
            <a:br>
              <a:rPr lang="de-CH" noProof="1">
                <a:latin typeface="Arial" panose="020B0604020202020204" pitchFamily="34" charset="0"/>
                <a:cs typeface="Arial" panose="020B0604020202020204" pitchFamily="34" charset="0"/>
              </a:rPr>
            </a:br>
            <a:endParaRPr lang="de-CH" noProof="1">
              <a:latin typeface="Arial" panose="020B0604020202020204" pitchFamily="34" charset="0"/>
              <a:cs typeface="Arial" panose="020B0604020202020204" pitchFamily="34" charset="0"/>
            </a:endParaRPr>
          </a:p>
        </p:txBody>
      </p:sp>
      <p:pic>
        <p:nvPicPr>
          <p:cNvPr id="6" name="Grafik 5">
            <a:extLst>
              <a:ext uri="{FF2B5EF4-FFF2-40B4-BE49-F238E27FC236}">
                <a16:creationId xmlns:a16="http://schemas.microsoft.com/office/drawing/2014/main" id="{D220D9AE-F196-D82A-CA58-C1D8F6720FA6}"/>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1508664" y="0"/>
            <a:ext cx="708016" cy="6858000"/>
          </a:xfrm>
          <a:prstGeom prst="rect">
            <a:avLst/>
          </a:prstGeom>
          <a:solidFill>
            <a:srgbClr val="DA001A"/>
          </a:solidFill>
        </p:spPr>
      </p:pic>
    </p:spTree>
    <p:extLst>
      <p:ext uri="{BB962C8B-B14F-4D97-AF65-F5344CB8AC3E}">
        <p14:creationId xmlns:p14="http://schemas.microsoft.com/office/powerpoint/2010/main" val="281150939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Untertitel 1">
            <a:extLst>
              <a:ext uri="{FF2B5EF4-FFF2-40B4-BE49-F238E27FC236}">
                <a16:creationId xmlns:a16="http://schemas.microsoft.com/office/drawing/2014/main" id="{5B8E08AD-3975-405F-B048-9FDC39ED56F5}"/>
              </a:ext>
            </a:extLst>
          </p:cNvPr>
          <p:cNvSpPr>
            <a:spLocks noGrp="1"/>
          </p:cNvSpPr>
          <p:nvPr>
            <p:ph type="subTitle" idx="13"/>
          </p:nvPr>
        </p:nvSpPr>
        <p:spPr/>
        <p:txBody>
          <a:bodyPr/>
          <a:lstStyle/>
          <a:p>
            <a:r>
              <a:rPr lang="fr-CH" b="1" dirty="0">
                <a:latin typeface="Arial" panose="020B0604020202020204" pitchFamily="34" charset="0"/>
                <a:cs typeface="Arial" panose="020B0604020202020204" pitchFamily="34" charset="0"/>
              </a:rPr>
              <a:t>Plan</a:t>
            </a:r>
          </a:p>
        </p:txBody>
      </p:sp>
      <p:sp>
        <p:nvSpPr>
          <p:cNvPr id="3" name="Textplatzhalter 2">
            <a:extLst>
              <a:ext uri="{FF2B5EF4-FFF2-40B4-BE49-F238E27FC236}">
                <a16:creationId xmlns:a16="http://schemas.microsoft.com/office/drawing/2014/main" id="{0F8C98E0-ED1F-427F-9525-B6896AAAE101}"/>
              </a:ext>
            </a:extLst>
          </p:cNvPr>
          <p:cNvSpPr>
            <a:spLocks noGrp="1"/>
          </p:cNvSpPr>
          <p:nvPr>
            <p:ph type="body" sz="quarter" idx="14"/>
          </p:nvPr>
        </p:nvSpPr>
        <p:spPr>
          <a:xfrm>
            <a:off x="334961" y="791601"/>
            <a:ext cx="9361487" cy="5877272"/>
          </a:xfrm>
        </p:spPr>
        <p:txBody>
          <a:bodyPr/>
          <a:lstStyle/>
          <a:p>
            <a:pPr marL="358775" indent="-358775">
              <a:spcBef>
                <a:spcPts val="600"/>
              </a:spcBef>
              <a:buFont typeface="+mj-lt"/>
              <a:buAutoNum type="romanUcPeriod"/>
            </a:pPr>
            <a:r>
              <a:rPr lang="fr-CH" sz="1400" dirty="0">
                <a:latin typeface="Arial" panose="020B0604020202020204" pitchFamily="34" charset="0"/>
                <a:cs typeface="Arial" panose="020B0604020202020204" pitchFamily="34" charset="0"/>
              </a:rPr>
              <a:t>Problématique</a:t>
            </a:r>
          </a:p>
          <a:p>
            <a:pPr marL="719138" indent="-360363">
              <a:spcBef>
                <a:spcPts val="600"/>
              </a:spcBef>
              <a:buNone/>
            </a:pPr>
            <a:r>
              <a:rPr lang="fr-CH" sz="1400" dirty="0">
                <a:latin typeface="Arial" panose="020B0604020202020204" pitchFamily="34" charset="0"/>
                <a:cs typeface="Arial" panose="020B0604020202020204" pitchFamily="34" charset="0"/>
              </a:rPr>
              <a:t>A.	Contexte procédural</a:t>
            </a:r>
          </a:p>
          <a:p>
            <a:pPr marL="719138" indent="-360363">
              <a:spcBef>
                <a:spcPts val="600"/>
              </a:spcBef>
              <a:buNone/>
            </a:pPr>
            <a:r>
              <a:rPr lang="fr-CH" sz="1400" dirty="0">
                <a:latin typeface="Arial" panose="020B0604020202020204" pitchFamily="34" charset="0"/>
                <a:cs typeface="Arial" panose="020B0604020202020204" pitchFamily="34" charset="0"/>
              </a:rPr>
              <a:t>B. 	Administration des preuves</a:t>
            </a:r>
          </a:p>
          <a:p>
            <a:pPr marL="719138" indent="-360363">
              <a:spcBef>
                <a:spcPts val="600"/>
              </a:spcBef>
              <a:buNone/>
            </a:pPr>
            <a:r>
              <a:rPr lang="fr-CH" sz="1400" dirty="0">
                <a:latin typeface="Arial" panose="020B0604020202020204" pitchFamily="34" charset="0"/>
                <a:cs typeface="Arial" panose="020B0604020202020204" pitchFamily="34" charset="0"/>
              </a:rPr>
              <a:t>C. 	Rôle du tribunal</a:t>
            </a:r>
          </a:p>
          <a:p>
            <a:pPr marL="358775" indent="-358775">
              <a:spcBef>
                <a:spcPts val="600"/>
              </a:spcBef>
              <a:buFont typeface="+mj-lt"/>
              <a:buAutoNum type="romanUcPeriod" startAt="2"/>
            </a:pPr>
            <a:r>
              <a:rPr lang="fr-CH" sz="1400" dirty="0">
                <a:latin typeface="Arial" panose="020B0604020202020204" pitchFamily="34" charset="0"/>
                <a:cs typeface="Arial" panose="020B0604020202020204" pitchFamily="34" charset="0"/>
              </a:rPr>
              <a:t>Exploitabilité des faits exorbitants</a:t>
            </a:r>
          </a:p>
          <a:p>
            <a:pPr marL="719138" indent="-360363">
              <a:spcBef>
                <a:spcPts val="600"/>
              </a:spcBef>
              <a:buAutoNum type="alphaUcPeriod"/>
            </a:pPr>
            <a:r>
              <a:rPr lang="fr-CH" sz="1400" dirty="0">
                <a:latin typeface="Arial" panose="020B0604020202020204" pitchFamily="34" charset="0"/>
                <a:cs typeface="Arial" panose="020B0604020202020204" pitchFamily="34" charset="0"/>
              </a:rPr>
              <a:t>Etat des lieux de la controverse</a:t>
            </a:r>
          </a:p>
          <a:p>
            <a:pPr marL="1062038" indent="-342900">
              <a:spcBef>
                <a:spcPts val="600"/>
              </a:spcBef>
            </a:pPr>
            <a:r>
              <a:rPr lang="fr-CH" sz="1400" dirty="0">
                <a:latin typeface="Arial" panose="020B0604020202020204" pitchFamily="34" charset="0"/>
                <a:cs typeface="Arial" panose="020B0604020202020204" pitchFamily="34" charset="0"/>
              </a:rPr>
              <a:t>Réglementations cantonales antérieures</a:t>
            </a:r>
          </a:p>
          <a:p>
            <a:pPr marL="1062038" indent="-342900">
              <a:spcBef>
                <a:spcPts val="600"/>
              </a:spcBef>
            </a:pPr>
            <a:r>
              <a:rPr lang="fr-CH" sz="1400" dirty="0">
                <a:latin typeface="Arial" panose="020B0604020202020204" pitchFamily="34" charset="0"/>
                <a:cs typeface="Arial" panose="020B0604020202020204" pitchFamily="34" charset="0"/>
              </a:rPr>
              <a:t>Absence de réglementation dans le </a:t>
            </a:r>
            <a:r>
              <a:rPr lang="fr-CH" sz="1400" dirty="0" err="1">
                <a:latin typeface="Arial" panose="020B0604020202020204" pitchFamily="34" charset="0"/>
                <a:cs typeface="Arial" panose="020B0604020202020204" pitchFamily="34" charset="0"/>
              </a:rPr>
              <a:t>CPC</a:t>
            </a:r>
            <a:endParaRPr lang="fr-CH" sz="1400" dirty="0">
              <a:latin typeface="Arial" panose="020B0604020202020204" pitchFamily="34" charset="0"/>
              <a:cs typeface="Arial" panose="020B0604020202020204" pitchFamily="34" charset="0"/>
            </a:endParaRPr>
          </a:p>
          <a:p>
            <a:pPr marL="1062038" indent="-342900">
              <a:spcBef>
                <a:spcPts val="600"/>
              </a:spcBef>
            </a:pPr>
            <a:r>
              <a:rPr lang="fr-CH" sz="1400" dirty="0">
                <a:latin typeface="Arial" panose="020B0604020202020204" pitchFamily="34" charset="0"/>
                <a:cs typeface="Arial" panose="020B0604020202020204" pitchFamily="34" charset="0"/>
              </a:rPr>
              <a:t>Divergences doctrinales</a:t>
            </a:r>
          </a:p>
          <a:p>
            <a:pPr marL="1062038" indent="-342900">
              <a:spcBef>
                <a:spcPts val="600"/>
              </a:spcBef>
            </a:pPr>
            <a:r>
              <a:rPr lang="fr-CH" sz="1400" dirty="0">
                <a:latin typeface="Arial" panose="020B0604020202020204" pitchFamily="34" charset="0"/>
                <a:cs typeface="Arial" panose="020B0604020202020204" pitchFamily="34" charset="0"/>
              </a:rPr>
              <a:t>Enseignements jurisprudentiels</a:t>
            </a:r>
          </a:p>
          <a:p>
            <a:pPr marL="719138" indent="-360363">
              <a:spcBef>
                <a:spcPts val="600"/>
              </a:spcBef>
              <a:buNone/>
            </a:pPr>
            <a:r>
              <a:rPr lang="fr-CH" sz="1400" dirty="0">
                <a:latin typeface="Arial" panose="020B0604020202020204" pitchFamily="34" charset="0"/>
                <a:cs typeface="Arial" panose="020B0604020202020204" pitchFamily="34" charset="0"/>
              </a:rPr>
              <a:t>B.	Solution proposée</a:t>
            </a:r>
          </a:p>
          <a:p>
            <a:pPr marL="1062038" indent="-342900">
              <a:spcBef>
                <a:spcPts val="600"/>
              </a:spcBef>
            </a:pPr>
            <a:r>
              <a:rPr lang="fr-CH" sz="1400" dirty="0">
                <a:latin typeface="Arial" panose="020B0604020202020204" pitchFamily="34" charset="0"/>
                <a:cs typeface="Arial" panose="020B0604020202020204" pitchFamily="34" charset="0"/>
              </a:rPr>
              <a:t>Notion et délimitation</a:t>
            </a:r>
          </a:p>
          <a:p>
            <a:pPr marL="1062038" indent="-342900">
              <a:spcBef>
                <a:spcPts val="600"/>
              </a:spcBef>
            </a:pPr>
            <a:r>
              <a:rPr lang="fr-CH" sz="1400" dirty="0">
                <a:latin typeface="Arial" panose="020B0604020202020204" pitchFamily="34" charset="0"/>
                <a:cs typeface="Arial" panose="020B0604020202020204" pitchFamily="34" charset="0"/>
              </a:rPr>
              <a:t>Faits exorbitants au sens impropre</a:t>
            </a:r>
          </a:p>
          <a:p>
            <a:pPr marL="1436688" indent="-358775">
              <a:spcBef>
                <a:spcPts val="600"/>
              </a:spcBef>
              <a:buFont typeface="+mj-lt"/>
              <a:buAutoNum type="alphaLcParenR"/>
            </a:pPr>
            <a:r>
              <a:rPr lang="fr-CH" sz="1400" dirty="0">
                <a:latin typeface="Arial" panose="020B0604020202020204" pitchFamily="34" charset="0"/>
                <a:cs typeface="Arial" panose="020B0604020202020204" pitchFamily="34" charset="0"/>
              </a:rPr>
              <a:t>Admissibilité selon les exigences de la maxime des débats</a:t>
            </a:r>
          </a:p>
          <a:p>
            <a:pPr marL="1436688" indent="-358775">
              <a:spcBef>
                <a:spcPts val="600"/>
              </a:spcBef>
              <a:buFont typeface="+mj-lt"/>
              <a:buAutoNum type="alphaLcParenR"/>
            </a:pPr>
            <a:r>
              <a:rPr lang="fr-CH" sz="1400" dirty="0">
                <a:latin typeface="Arial" panose="020B0604020202020204" pitchFamily="34" charset="0"/>
                <a:cs typeface="Arial" panose="020B0604020202020204" pitchFamily="34" charset="0"/>
              </a:rPr>
              <a:t>Droit d’être entendu des parties</a:t>
            </a:r>
          </a:p>
          <a:p>
            <a:pPr marL="1062038" indent="-342900">
              <a:spcBef>
                <a:spcPts val="600"/>
              </a:spcBef>
              <a:buFont typeface="+mj-lt"/>
              <a:buAutoNum type="arabicPeriod" startAt="3"/>
            </a:pPr>
            <a:r>
              <a:rPr lang="fr-CH" sz="1400" dirty="0">
                <a:latin typeface="Arial" panose="020B0604020202020204" pitchFamily="34" charset="0"/>
                <a:cs typeface="Arial" panose="020B0604020202020204" pitchFamily="34" charset="0"/>
              </a:rPr>
              <a:t>Faits exorbitants au sens propre</a:t>
            </a:r>
          </a:p>
          <a:p>
            <a:pPr marL="1436688" indent="-358775">
              <a:spcBef>
                <a:spcPts val="600"/>
              </a:spcBef>
              <a:buFont typeface="+mj-lt"/>
              <a:buAutoNum type="alphaLcParenR"/>
            </a:pPr>
            <a:r>
              <a:rPr lang="fr-CH" sz="1400" dirty="0">
                <a:latin typeface="Arial" panose="020B0604020202020204" pitchFamily="34" charset="0"/>
                <a:cs typeface="Arial" panose="020B0604020202020204" pitchFamily="34" charset="0"/>
              </a:rPr>
              <a:t>Admissibilité selon les exigences des </a:t>
            </a:r>
            <a:r>
              <a:rPr lang="fr-CH" sz="1400" i="1" dirty="0">
                <a:latin typeface="Arial" panose="020B0604020202020204" pitchFamily="34" charset="0"/>
                <a:cs typeface="Arial" panose="020B0604020202020204" pitchFamily="34" charset="0"/>
              </a:rPr>
              <a:t>nova</a:t>
            </a:r>
          </a:p>
          <a:p>
            <a:pPr marL="1436688" indent="-358775">
              <a:spcBef>
                <a:spcPts val="600"/>
              </a:spcBef>
              <a:buFont typeface="+mj-lt"/>
              <a:buAutoNum type="alphaLcParenR"/>
            </a:pPr>
            <a:r>
              <a:rPr lang="fr-CH" sz="1400" dirty="0">
                <a:latin typeface="Arial" panose="020B0604020202020204" pitchFamily="34" charset="0"/>
                <a:cs typeface="Arial" panose="020B0604020202020204" pitchFamily="34" charset="0"/>
              </a:rPr>
              <a:t>Modification de la demande</a:t>
            </a:r>
          </a:p>
          <a:p>
            <a:pPr marL="358775" indent="-358775">
              <a:spcBef>
                <a:spcPts val="600"/>
              </a:spcBef>
              <a:buFont typeface="+mj-lt"/>
              <a:buAutoNum type="romanUcPeriod" startAt="3"/>
            </a:pPr>
            <a:r>
              <a:rPr lang="fr-CH" sz="1400" dirty="0">
                <a:latin typeface="Arial" panose="020B0604020202020204" pitchFamily="34" charset="0"/>
                <a:cs typeface="Arial" panose="020B0604020202020204" pitchFamily="34" charset="0"/>
              </a:rPr>
              <a:t>Conclusion</a:t>
            </a:r>
          </a:p>
          <a:p>
            <a:pPr>
              <a:buAutoNum type="romanUcPeriod" startAt="3"/>
            </a:pPr>
            <a:endParaRPr lang="fr-CH" sz="1400" dirty="0">
              <a:latin typeface="Arial" panose="020B0604020202020204" pitchFamily="34" charset="0"/>
              <a:cs typeface="Arial" panose="020B0604020202020204" pitchFamily="34" charset="0"/>
            </a:endParaRPr>
          </a:p>
          <a:p>
            <a:pPr marL="0" indent="0">
              <a:buNone/>
            </a:pPr>
            <a:endParaRPr lang="fr-CH" dirty="0">
              <a:latin typeface="Arial" panose="020B0604020202020204" pitchFamily="34" charset="0"/>
              <a:cs typeface="Arial" panose="020B0604020202020204" pitchFamily="34" charset="0"/>
            </a:endParaRPr>
          </a:p>
          <a:p>
            <a:pPr>
              <a:buAutoNum type="romanUcPeriod"/>
            </a:pPr>
            <a:endParaRPr lang="fr-CH" dirty="0">
              <a:latin typeface="Arial" panose="020B0604020202020204" pitchFamily="34" charset="0"/>
              <a:cs typeface="Arial" panose="020B0604020202020204" pitchFamily="34" charset="0"/>
            </a:endParaRPr>
          </a:p>
          <a:p>
            <a:pPr>
              <a:buAutoNum type="romanUcPeriod"/>
            </a:pPr>
            <a:endParaRPr lang="fr-CH" dirty="0">
              <a:latin typeface="Arial" panose="020B0604020202020204" pitchFamily="34" charset="0"/>
              <a:cs typeface="Arial" panose="020B0604020202020204" pitchFamily="34" charset="0"/>
            </a:endParaRPr>
          </a:p>
          <a:p>
            <a:pPr marL="0" indent="0">
              <a:buNone/>
            </a:pPr>
            <a:endParaRPr lang="fr-CH" dirty="0">
              <a:latin typeface="Arial" panose="020B0604020202020204" pitchFamily="34" charset="0"/>
              <a:cs typeface="Arial" panose="020B0604020202020204" pitchFamily="34" charset="0"/>
            </a:endParaRPr>
          </a:p>
          <a:p>
            <a:pPr marL="0" indent="0">
              <a:buNone/>
            </a:pPr>
            <a:endParaRPr lang="fr-CH" dirty="0">
              <a:latin typeface="Arial" panose="020B0604020202020204" pitchFamily="34" charset="0"/>
              <a:cs typeface="Arial" panose="020B0604020202020204" pitchFamily="34" charset="0"/>
            </a:endParaRPr>
          </a:p>
          <a:p>
            <a:pPr>
              <a:buAutoNum type="romanUcPeriod"/>
            </a:pPr>
            <a:endParaRPr lang="fr-CH" dirty="0">
              <a:latin typeface="Arial" panose="020B0604020202020204" pitchFamily="34" charset="0"/>
              <a:cs typeface="Arial" panose="020B0604020202020204" pitchFamily="34" charset="0"/>
            </a:endParaRPr>
          </a:p>
        </p:txBody>
      </p:sp>
      <p:sp>
        <p:nvSpPr>
          <p:cNvPr id="4" name="Textfeld 3">
            <a:extLst>
              <a:ext uri="{FF2B5EF4-FFF2-40B4-BE49-F238E27FC236}">
                <a16:creationId xmlns:a16="http://schemas.microsoft.com/office/drawing/2014/main" id="{5C0D110B-F30F-1BE5-5A32-A8745303FA1F}"/>
              </a:ext>
            </a:extLst>
          </p:cNvPr>
          <p:cNvSpPr txBox="1"/>
          <p:nvPr/>
        </p:nvSpPr>
        <p:spPr>
          <a:xfrm>
            <a:off x="11496600" y="260648"/>
            <a:ext cx="504056" cy="1584176"/>
          </a:xfrm>
          <a:prstGeom prst="rect">
            <a:avLst/>
          </a:prstGeom>
          <a:solidFill>
            <a:schemeClr val="bg1"/>
          </a:solidFill>
        </p:spPr>
        <p:txBody>
          <a:bodyPr wrap="square" lIns="0" tIns="0" rIns="0" bIns="0" rtlCol="0">
            <a:spAutoFit/>
          </a:bodyPr>
          <a:lstStyle/>
          <a:p>
            <a:pPr algn="l"/>
            <a:endParaRPr lang="de-CH" dirty="0" err="1"/>
          </a:p>
        </p:txBody>
      </p:sp>
    </p:spTree>
    <p:custDataLst>
      <p:custData r:id="rId1"/>
      <p:custData r:id="rId2"/>
    </p:custDataLst>
    <p:extLst>
      <p:ext uri="{BB962C8B-B14F-4D97-AF65-F5344CB8AC3E}">
        <p14:creationId xmlns:p14="http://schemas.microsoft.com/office/powerpoint/2010/main" val="262216382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88DEDD7-459D-24EC-ED2E-B56E43746012}"/>
              </a:ext>
            </a:extLst>
          </p:cNvPr>
          <p:cNvSpPr>
            <a:spLocks noGrp="1"/>
          </p:cNvSpPr>
          <p:nvPr>
            <p:ph type="title"/>
          </p:nvPr>
        </p:nvSpPr>
        <p:spPr>
          <a:xfrm>
            <a:off x="335360" y="518746"/>
            <a:ext cx="11232752" cy="461982"/>
          </a:xfrm>
        </p:spPr>
        <p:txBody>
          <a:bodyPr/>
          <a:lstStyle/>
          <a:p>
            <a:pPr algn="ctr"/>
            <a:r>
              <a:rPr lang="fr-CH" sz="2000" b="1" dirty="0">
                <a:latin typeface="Arial" panose="020B0604020202020204" pitchFamily="34" charset="0"/>
                <a:cs typeface="Arial" panose="020B0604020202020204" pitchFamily="34" charset="0"/>
              </a:rPr>
              <a:t>Contexte procédural</a:t>
            </a:r>
            <a:br>
              <a:rPr lang="fr-CH" b="1" dirty="0">
                <a:latin typeface="Arial" panose="020B0604020202020204" pitchFamily="34" charset="0"/>
                <a:cs typeface="Arial" panose="020B0604020202020204" pitchFamily="34" charset="0"/>
              </a:rPr>
            </a:br>
            <a:endParaRPr lang="fr-CH" dirty="0">
              <a:latin typeface="Arial" panose="020B0604020202020204" pitchFamily="34" charset="0"/>
              <a:cs typeface="Arial" panose="020B0604020202020204" pitchFamily="34" charset="0"/>
            </a:endParaRPr>
          </a:p>
        </p:txBody>
      </p:sp>
      <p:sp>
        <p:nvSpPr>
          <p:cNvPr id="3" name="Untertitel 2">
            <a:extLst>
              <a:ext uri="{FF2B5EF4-FFF2-40B4-BE49-F238E27FC236}">
                <a16:creationId xmlns:a16="http://schemas.microsoft.com/office/drawing/2014/main" id="{48CB1FAA-6B96-C926-4C12-8489E3208558}"/>
              </a:ext>
            </a:extLst>
          </p:cNvPr>
          <p:cNvSpPr>
            <a:spLocks noGrp="1"/>
          </p:cNvSpPr>
          <p:nvPr>
            <p:ph type="subTitle" idx="13"/>
          </p:nvPr>
        </p:nvSpPr>
        <p:spPr/>
        <p:txBody>
          <a:bodyPr>
            <a:noAutofit/>
          </a:bodyPr>
          <a:lstStyle/>
          <a:p>
            <a:r>
              <a:rPr lang="fr-CH" dirty="0">
                <a:latin typeface="Arial" panose="020B0604020202020204" pitchFamily="34" charset="0"/>
                <a:cs typeface="Arial" panose="020B0604020202020204" pitchFamily="34" charset="0"/>
              </a:rPr>
              <a:t>I. 	Problématique</a:t>
            </a:r>
          </a:p>
        </p:txBody>
      </p:sp>
      <p:sp>
        <p:nvSpPr>
          <p:cNvPr id="5" name="Foliennummernplatzhalter 4">
            <a:extLst>
              <a:ext uri="{FF2B5EF4-FFF2-40B4-BE49-F238E27FC236}">
                <a16:creationId xmlns:a16="http://schemas.microsoft.com/office/drawing/2014/main" id="{E7793860-9EED-3056-C753-2ACB774E82A9}"/>
              </a:ext>
            </a:extLst>
          </p:cNvPr>
          <p:cNvSpPr>
            <a:spLocks noGrp="1"/>
          </p:cNvSpPr>
          <p:nvPr>
            <p:ph type="sldNum" sz="quarter" idx="15"/>
          </p:nvPr>
        </p:nvSpPr>
        <p:spPr/>
        <p:txBody>
          <a:bodyPr/>
          <a:lstStyle/>
          <a:p>
            <a:fld id="{FC362A1C-D03C-4301-9D28-06CE832B6EC4}" type="slidenum">
              <a:rPr lang="fr-CH" smtClean="0"/>
              <a:pPr/>
              <a:t>3</a:t>
            </a:fld>
            <a:endParaRPr lang="fr-CH" dirty="0"/>
          </a:p>
        </p:txBody>
      </p:sp>
      <p:sp>
        <p:nvSpPr>
          <p:cNvPr id="6" name="Textplatzhalter 5">
            <a:extLst>
              <a:ext uri="{FF2B5EF4-FFF2-40B4-BE49-F238E27FC236}">
                <a16:creationId xmlns:a16="http://schemas.microsoft.com/office/drawing/2014/main" id="{036E612B-D48D-948F-8975-00A1649C03B8}"/>
              </a:ext>
            </a:extLst>
          </p:cNvPr>
          <p:cNvSpPr>
            <a:spLocks noGrp="1"/>
          </p:cNvSpPr>
          <p:nvPr>
            <p:ph type="body" sz="quarter" idx="17"/>
          </p:nvPr>
        </p:nvSpPr>
        <p:spPr>
          <a:xfrm>
            <a:off x="488769" y="1874020"/>
            <a:ext cx="3528087" cy="4291282"/>
          </a:xfrm>
        </p:spPr>
        <p:txBody>
          <a:bodyPr/>
          <a:lstStyle/>
          <a:p>
            <a:pPr algn="ctr"/>
            <a:r>
              <a:rPr lang="fr-CH" sz="1600" dirty="0">
                <a:latin typeface="Arial" panose="020B0604020202020204" pitchFamily="34" charset="0"/>
                <a:cs typeface="Arial" panose="020B0604020202020204" pitchFamily="34" charset="0"/>
              </a:rPr>
              <a:t>Maxime inquisitoire</a:t>
            </a:r>
          </a:p>
          <a:p>
            <a:pPr marL="355600" lvl="0" indent="-355600" algn="just">
              <a:buFont typeface="Symbol" panose="05050102010706020507" pitchFamily="18" charset="2"/>
              <a:buChar char=""/>
            </a:pPr>
            <a:r>
              <a:rPr lang="fr-CH" sz="1400" kern="100" dirty="0">
                <a:latin typeface="Arial" panose="020B0604020202020204" pitchFamily="34" charset="0"/>
                <a:cs typeface="Arial" panose="020B0604020202020204" pitchFamily="34" charset="0"/>
              </a:rPr>
              <a:t>Art. 55 al. 2 et 247 al. 2 </a:t>
            </a:r>
            <a:r>
              <a:rPr lang="fr-CH" sz="1400" kern="100" dirty="0" err="1">
                <a:latin typeface="Arial" panose="020B0604020202020204" pitchFamily="34" charset="0"/>
                <a:cs typeface="Arial" panose="020B0604020202020204" pitchFamily="34" charset="0"/>
              </a:rPr>
              <a:t>CPC</a:t>
            </a:r>
            <a:endParaRPr lang="fr-CH" sz="1400" kern="100" dirty="0">
              <a:latin typeface="Arial" panose="020B0604020202020204" pitchFamily="34" charset="0"/>
              <a:cs typeface="Arial" panose="020B0604020202020204" pitchFamily="34" charset="0"/>
            </a:endParaRPr>
          </a:p>
          <a:p>
            <a:pPr marL="355600" indent="-355600" algn="just">
              <a:buFont typeface="Symbol" panose="05050102010706020507" pitchFamily="18" charset="2"/>
              <a:buChar char=""/>
            </a:pPr>
            <a:r>
              <a:rPr lang="fr-CH" sz="1400" kern="100" dirty="0">
                <a:latin typeface="Arial" panose="020B0604020202020204" pitchFamily="34" charset="0"/>
                <a:cs typeface="Arial" panose="020B0604020202020204" pitchFamily="34" charset="0"/>
              </a:rPr>
              <a:t>Art. 229 al. 3 </a:t>
            </a:r>
            <a:r>
              <a:rPr lang="fr-CH" sz="1400" kern="100" dirty="0" err="1">
                <a:latin typeface="Arial" panose="020B0604020202020204" pitchFamily="34" charset="0"/>
                <a:cs typeface="Arial" panose="020B0604020202020204" pitchFamily="34" charset="0"/>
              </a:rPr>
              <a:t>CPC</a:t>
            </a:r>
            <a:endParaRPr lang="fr-CH" sz="1400" kern="100" dirty="0">
              <a:latin typeface="Arial" panose="020B0604020202020204" pitchFamily="34" charset="0"/>
              <a:cs typeface="Arial" panose="020B0604020202020204" pitchFamily="34" charset="0"/>
            </a:endParaRPr>
          </a:p>
          <a:p>
            <a:pPr marL="355600" lvl="0" indent="-355600" algn="just">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L</a:t>
            </a:r>
            <a:r>
              <a:rPr lang="fr-CH" sz="1400" kern="100" dirty="0">
                <a:latin typeface="Arial" panose="020B0604020202020204" pitchFamily="34" charset="0"/>
                <a:ea typeface="Calibri" panose="020F0502020204030204" pitchFamily="34" charset="0"/>
                <a:cs typeface="Arial" panose="020B0604020202020204" pitchFamily="34" charset="0"/>
              </a:rPr>
              <a:t>es parties peuvent alléguer des faits et offrir des preuves jusqu’aux délibérations </a:t>
            </a:r>
            <a:endParaRPr lang="fr-CH" sz="1400" kern="100" dirty="0">
              <a:effectLst/>
              <a:latin typeface="Arial" panose="020B0604020202020204" pitchFamily="34" charset="0"/>
              <a:ea typeface="Calibri" panose="020F0502020204030204" pitchFamily="34" charset="0"/>
              <a:cs typeface="Arial" panose="020B0604020202020204" pitchFamily="34" charset="0"/>
            </a:endParaRPr>
          </a:p>
          <a:p>
            <a:pPr marL="355600" lvl="0" indent="-355600" algn="just">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Le tribunal n'est pas lié par les allégués et les offres de preuve des parties</a:t>
            </a:r>
            <a:endParaRPr lang="fr-CH" sz="1400" kern="100" dirty="0">
              <a:latin typeface="Arial" panose="020B0604020202020204" pitchFamily="34" charset="0"/>
              <a:ea typeface="Calibri" panose="020F0502020204030204" pitchFamily="34" charset="0"/>
              <a:cs typeface="Arial" panose="020B0604020202020204" pitchFamily="34" charset="0"/>
            </a:endParaRPr>
          </a:p>
          <a:p>
            <a:pPr marL="360363" lvl="0" algn="just"/>
            <a:r>
              <a:rPr lang="fr-CH" sz="1400" kern="100" dirty="0">
                <a:effectLst/>
                <a:latin typeface="Arial" panose="020B0604020202020204" pitchFamily="34" charset="0"/>
                <a:ea typeface="Calibri" panose="020F0502020204030204" pitchFamily="34" charset="0"/>
                <a:cs typeface="Arial" panose="020B0604020202020204" pitchFamily="34" charset="0"/>
              </a:rPr>
              <a:t>Le </a:t>
            </a:r>
            <a:r>
              <a:rPr lang="fr-CH" sz="1400" kern="100" dirty="0" err="1">
                <a:effectLst/>
                <a:latin typeface="Arial" panose="020B0604020202020204" pitchFamily="34" charset="0"/>
                <a:ea typeface="Calibri" panose="020F0502020204030204" pitchFamily="34" charset="0"/>
                <a:cs typeface="Arial" panose="020B0604020202020204" pitchFamily="34" charset="0"/>
              </a:rPr>
              <a:t>CPC</a:t>
            </a:r>
            <a:r>
              <a:rPr lang="fr-CH" sz="1400" kern="100" dirty="0">
                <a:effectLst/>
                <a:latin typeface="Arial" panose="020B0604020202020204" pitchFamily="34" charset="0"/>
                <a:ea typeface="Calibri" panose="020F0502020204030204" pitchFamily="34" charset="0"/>
                <a:cs typeface="Arial" panose="020B0604020202020204" pitchFamily="34" charset="0"/>
              </a:rPr>
              <a:t> impose au tribunal de tenir compte des faits exorbitants</a:t>
            </a:r>
          </a:p>
        </p:txBody>
      </p:sp>
      <p:sp>
        <p:nvSpPr>
          <p:cNvPr id="7" name="Textplatzhalter 6">
            <a:extLst>
              <a:ext uri="{FF2B5EF4-FFF2-40B4-BE49-F238E27FC236}">
                <a16:creationId xmlns:a16="http://schemas.microsoft.com/office/drawing/2014/main" id="{C367E7F3-1133-89D8-3620-58F417D53D15}"/>
              </a:ext>
            </a:extLst>
          </p:cNvPr>
          <p:cNvSpPr>
            <a:spLocks noGrp="1"/>
          </p:cNvSpPr>
          <p:nvPr>
            <p:ph type="body" sz="quarter" idx="22"/>
          </p:nvPr>
        </p:nvSpPr>
        <p:spPr>
          <a:xfrm>
            <a:off x="4318569" y="1874020"/>
            <a:ext cx="3528437" cy="4291282"/>
          </a:xfrm>
        </p:spPr>
        <p:txBody>
          <a:bodyPr/>
          <a:lstStyle/>
          <a:p>
            <a:pPr algn="ctr"/>
            <a:r>
              <a:rPr lang="fr-CH" sz="1600" dirty="0"/>
              <a:t>Maxime des débats</a:t>
            </a:r>
          </a:p>
          <a:p>
            <a:pPr marL="355600" lvl="0" indent="-355600" algn="just">
              <a:buFont typeface="Symbol" panose="05050102010706020507" pitchFamily="18" charset="2"/>
              <a:buChar char=""/>
            </a:pPr>
            <a:r>
              <a:rPr lang="fr-CH" sz="1400" kern="100" dirty="0">
                <a:latin typeface="Arial" panose="020B0604020202020204" pitchFamily="34" charset="0"/>
                <a:cs typeface="Arial" panose="020B0604020202020204" pitchFamily="34" charset="0"/>
              </a:rPr>
              <a:t>Art. 55 al. 1 </a:t>
            </a:r>
            <a:r>
              <a:rPr lang="fr-CH" sz="1400" kern="100" dirty="0" err="1">
                <a:latin typeface="Arial" panose="020B0604020202020204" pitchFamily="34" charset="0"/>
                <a:cs typeface="Arial" panose="020B0604020202020204" pitchFamily="34" charset="0"/>
              </a:rPr>
              <a:t>CPC</a:t>
            </a:r>
            <a:endParaRPr lang="fr-CH" sz="1400" kern="100" dirty="0">
              <a:latin typeface="Arial" panose="020B0604020202020204" pitchFamily="34" charset="0"/>
              <a:cs typeface="Arial" panose="020B0604020202020204" pitchFamily="34" charset="0"/>
            </a:endParaRPr>
          </a:p>
          <a:p>
            <a:pPr marL="355600" lvl="0" indent="-355600" algn="just">
              <a:buFont typeface="Symbol" panose="05050102010706020507" pitchFamily="18" charset="2"/>
              <a:buChar char=""/>
            </a:pPr>
            <a:r>
              <a:rPr lang="fr-CH" sz="1400" kern="100" dirty="0">
                <a:latin typeface="Arial" panose="020B0604020202020204" pitchFamily="34" charset="0"/>
                <a:cs typeface="Arial" panose="020B0604020202020204" pitchFamily="34" charset="0"/>
              </a:rPr>
              <a:t>Un fait non valablement allégué ne fait pas partie du cadre du procès</a:t>
            </a:r>
          </a:p>
          <a:p>
            <a:pPr marL="360363" lvl="0" algn="just"/>
            <a:r>
              <a:rPr lang="fr-CH" sz="1400" b="0" kern="100" dirty="0">
                <a:latin typeface="Arial" panose="020B0604020202020204" pitchFamily="34" charset="0"/>
                <a:ea typeface="Calibri" panose="020F0502020204030204" pitchFamily="34" charset="0"/>
                <a:cs typeface="Arial" panose="020B0604020202020204" pitchFamily="34" charset="0"/>
              </a:rPr>
              <a:t>« </a:t>
            </a:r>
            <a:r>
              <a:rPr lang="fr-CH" sz="1400" b="0" i="1" kern="100" dirty="0">
                <a:latin typeface="Arial" panose="020B0604020202020204" pitchFamily="34" charset="0"/>
                <a:ea typeface="Calibri" panose="020F0502020204030204" pitchFamily="34" charset="0"/>
                <a:cs typeface="Arial" panose="020B0604020202020204" pitchFamily="34" charset="0"/>
              </a:rPr>
              <a:t>q</a:t>
            </a:r>
            <a:r>
              <a:rPr lang="fr-CH" sz="1400" b="0" i="1" kern="100" dirty="0">
                <a:effectLst/>
                <a:latin typeface="Arial" panose="020B0604020202020204" pitchFamily="34" charset="0"/>
                <a:ea typeface="Calibri" panose="020F0502020204030204" pitchFamily="34" charset="0"/>
                <a:cs typeface="Arial" panose="020B0604020202020204" pitchFamily="34" charset="0"/>
              </a:rPr>
              <a:t>uod non est in </a:t>
            </a:r>
            <a:r>
              <a:rPr lang="fr-CH" sz="1400" b="0" i="1" kern="100" dirty="0" err="1">
                <a:effectLst/>
                <a:latin typeface="Arial" panose="020B0604020202020204" pitchFamily="34" charset="0"/>
                <a:ea typeface="Calibri" panose="020F0502020204030204" pitchFamily="34" charset="0"/>
                <a:cs typeface="Arial" panose="020B0604020202020204" pitchFamily="34" charset="0"/>
              </a:rPr>
              <a:t>actis</a:t>
            </a:r>
            <a:r>
              <a:rPr lang="fr-CH" sz="1400" b="0" i="1" kern="100" dirty="0">
                <a:effectLst/>
                <a:latin typeface="Arial" panose="020B0604020202020204" pitchFamily="34" charset="0"/>
                <a:ea typeface="Calibri" panose="020F0502020204030204" pitchFamily="34" charset="0"/>
                <a:cs typeface="Arial" panose="020B0604020202020204" pitchFamily="34" charset="0"/>
              </a:rPr>
              <a:t> non est in </a:t>
            </a:r>
            <a:r>
              <a:rPr lang="fr-CH" sz="1400" b="0" i="1" kern="100" dirty="0" err="1">
                <a:effectLst/>
                <a:latin typeface="Arial" panose="020B0604020202020204" pitchFamily="34" charset="0"/>
                <a:ea typeface="Calibri" panose="020F0502020204030204" pitchFamily="34" charset="0"/>
                <a:cs typeface="Arial" panose="020B0604020202020204" pitchFamily="34" charset="0"/>
              </a:rPr>
              <a:t>mundo</a:t>
            </a:r>
            <a:r>
              <a:rPr lang="fr-CH" sz="1400" b="0" i="1" kern="100" dirty="0">
                <a:effectLst/>
                <a:latin typeface="Arial" panose="020B0604020202020204" pitchFamily="34" charset="0"/>
                <a:ea typeface="Calibri" panose="020F0502020204030204" pitchFamily="34" charset="0"/>
                <a:cs typeface="Arial" panose="020B0604020202020204" pitchFamily="34" charset="0"/>
              </a:rPr>
              <a:t> </a:t>
            </a:r>
            <a:r>
              <a:rPr lang="fr-CH" sz="1400" b="0" kern="100" dirty="0">
                <a:effectLst/>
                <a:latin typeface="Arial" panose="020B0604020202020204" pitchFamily="34" charset="0"/>
                <a:ea typeface="Calibri" panose="020F0502020204030204" pitchFamily="34" charset="0"/>
                <a:cs typeface="Arial" panose="020B0604020202020204" pitchFamily="34" charset="0"/>
              </a:rPr>
              <a:t>»</a:t>
            </a:r>
            <a:endParaRPr lang="fr-CH" sz="1400" kern="100" dirty="0">
              <a:latin typeface="Arial" panose="020B0604020202020204" pitchFamily="34" charset="0"/>
              <a:ea typeface="Calibri" panose="020F0502020204030204" pitchFamily="34" charset="0"/>
              <a:cs typeface="Arial" panose="020B0604020202020204" pitchFamily="34" charset="0"/>
            </a:endParaRPr>
          </a:p>
          <a:p>
            <a:pPr marL="360363" algn="just"/>
            <a:r>
              <a:rPr lang="fr-CH" sz="1400" kern="100" dirty="0">
                <a:effectLst/>
                <a:latin typeface="Arial" panose="020B0604020202020204" pitchFamily="34" charset="0"/>
                <a:ea typeface="Calibri" panose="020F0502020204030204" pitchFamily="34" charset="0"/>
                <a:cs typeface="Arial" panose="020B0604020202020204" pitchFamily="34" charset="0"/>
              </a:rPr>
              <a:t>Une conception stricte de la maxime des débats commande d’</a:t>
            </a:r>
            <a:r>
              <a:rPr lang="fr-CH" sz="1400" kern="100" dirty="0">
                <a:latin typeface="Arial" panose="020B0604020202020204" pitchFamily="34" charset="0"/>
                <a:ea typeface="Calibri" panose="020F0502020204030204" pitchFamily="34" charset="0"/>
                <a:cs typeface="Arial" panose="020B0604020202020204" pitchFamily="34" charset="0"/>
              </a:rPr>
              <a:t>écarter l</a:t>
            </a:r>
            <a:r>
              <a:rPr lang="fr-CH" sz="1400" kern="100" dirty="0">
                <a:effectLst/>
                <a:latin typeface="Arial" panose="020B0604020202020204" pitchFamily="34" charset="0"/>
                <a:ea typeface="Calibri" panose="020F0502020204030204" pitchFamily="34" charset="0"/>
                <a:cs typeface="Arial" panose="020B0604020202020204" pitchFamily="34" charset="0"/>
              </a:rPr>
              <a:t>es faits exorbitants</a:t>
            </a:r>
          </a:p>
          <a:p>
            <a:pPr marL="360363" algn="just"/>
            <a:endParaRPr lang="fr-CH" sz="1400" kern="100" dirty="0">
              <a:latin typeface="Arial" panose="020B0604020202020204" pitchFamily="34" charset="0"/>
              <a:cs typeface="Arial" panose="020B0604020202020204" pitchFamily="34" charset="0"/>
            </a:endParaRPr>
          </a:p>
          <a:p>
            <a:pPr marL="357188" algn="just">
              <a:defRPr/>
            </a:pPr>
            <a:r>
              <a:rPr lang="fr-CH" sz="1400" kern="100" dirty="0">
                <a:latin typeface="Arial" panose="020B0604020202020204" pitchFamily="34" charset="0"/>
                <a:cs typeface="Arial" panose="020B0604020202020204" pitchFamily="34" charset="0"/>
              </a:rPr>
              <a:t>Tempéraments prévus par le </a:t>
            </a:r>
            <a:r>
              <a:rPr lang="fr-CH" sz="1400" kern="100" dirty="0" err="1">
                <a:latin typeface="Arial" panose="020B0604020202020204" pitchFamily="34" charset="0"/>
                <a:cs typeface="Arial" panose="020B0604020202020204" pitchFamily="34" charset="0"/>
              </a:rPr>
              <a:t>CPC</a:t>
            </a:r>
            <a:endParaRPr kumimoji="0" lang="fr-CH" sz="1400" b="1" i="0"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endParaRPr>
          </a:p>
          <a:p>
            <a:pPr marL="265113" algn="just"/>
            <a:endParaRPr lang="fr-CH" sz="1400" kern="100" dirty="0">
              <a:effectLst/>
              <a:ea typeface="Calibri" panose="020F0502020204030204" pitchFamily="34" charset="0"/>
              <a:cs typeface="Vrinda"/>
            </a:endParaRPr>
          </a:p>
          <a:p>
            <a:endParaRPr lang="fr-CH" dirty="0"/>
          </a:p>
        </p:txBody>
      </p:sp>
      <p:sp>
        <p:nvSpPr>
          <p:cNvPr id="8" name="Textplatzhalter 7">
            <a:extLst>
              <a:ext uri="{FF2B5EF4-FFF2-40B4-BE49-F238E27FC236}">
                <a16:creationId xmlns:a16="http://schemas.microsoft.com/office/drawing/2014/main" id="{23EBD2AE-5F8F-DAEE-17A1-94CC73D6D4E3}"/>
              </a:ext>
            </a:extLst>
          </p:cNvPr>
          <p:cNvSpPr>
            <a:spLocks noGrp="1"/>
          </p:cNvSpPr>
          <p:nvPr>
            <p:ph type="body" sz="quarter" idx="23"/>
          </p:nvPr>
        </p:nvSpPr>
        <p:spPr>
          <a:xfrm>
            <a:off x="8175143" y="1874019"/>
            <a:ext cx="3528087" cy="4291283"/>
          </a:xfrm>
          <a:solidFill>
            <a:srgbClr val="FCA862"/>
          </a:solidFill>
        </p:spPr>
        <p:txBody>
          <a:bodyPr/>
          <a:lstStyle/>
          <a:p>
            <a:pPr algn="ctr"/>
            <a:r>
              <a:rPr lang="fr-CH" sz="1600" dirty="0">
                <a:latin typeface="Arial" panose="020B0604020202020204" pitchFamily="34" charset="0"/>
                <a:cs typeface="Arial" panose="020B0604020202020204" pitchFamily="34" charset="0"/>
              </a:rPr>
              <a:t>Maxime éventuelle</a:t>
            </a:r>
          </a:p>
          <a:p>
            <a:pPr marL="355600" indent="-355600" algn="just">
              <a:buFont typeface="Symbol" panose="05050102010706020507" pitchFamily="18" charset="2"/>
              <a:buChar char=""/>
            </a:pPr>
            <a:r>
              <a:rPr lang="fr-CH" sz="1400" kern="100" dirty="0">
                <a:latin typeface="Arial" panose="020B0604020202020204" pitchFamily="34" charset="0"/>
                <a:cs typeface="Arial" panose="020B0604020202020204" pitchFamily="34" charset="0"/>
              </a:rPr>
              <a:t>Art. 229 al. 1 et 2 </a:t>
            </a:r>
            <a:r>
              <a:rPr lang="fr-CH" sz="1400" kern="100" dirty="0" err="1">
                <a:latin typeface="Arial" panose="020B0604020202020204" pitchFamily="34" charset="0"/>
                <a:cs typeface="Arial" panose="020B0604020202020204" pitchFamily="34" charset="0"/>
              </a:rPr>
              <a:t>CPC</a:t>
            </a:r>
            <a:endParaRPr lang="fr-CH" sz="1400" kern="100" dirty="0">
              <a:latin typeface="Arial" panose="020B0604020202020204" pitchFamily="34" charset="0"/>
              <a:cs typeface="Arial" panose="020B0604020202020204" pitchFamily="34" charset="0"/>
            </a:endParaRPr>
          </a:p>
          <a:p>
            <a:pPr marL="355600" indent="-355600" algn="just">
              <a:buFont typeface="Symbol" panose="05050102010706020507" pitchFamily="18" charset="2"/>
              <a:buChar char=""/>
            </a:pPr>
            <a:r>
              <a:rPr lang="fr-CH" sz="1400" kern="100" dirty="0">
                <a:latin typeface="Arial" panose="020B0604020202020204" pitchFamily="34" charset="0"/>
                <a:cs typeface="Arial" panose="020B0604020202020204" pitchFamily="34" charset="0"/>
              </a:rPr>
              <a:t>Limites temporelles à l’introduction de faits et moyens de preuve</a:t>
            </a:r>
          </a:p>
          <a:p>
            <a:pPr marL="355600" indent="-355600" algn="just">
              <a:buFont typeface="Symbol" panose="05050102010706020507" pitchFamily="18" charset="2"/>
              <a:buChar char=""/>
            </a:pPr>
            <a:r>
              <a:rPr lang="fr-CH" sz="1400" kern="100" dirty="0">
                <a:latin typeface="Arial" panose="020B0604020202020204" pitchFamily="34" charset="0"/>
                <a:cs typeface="Arial" panose="020B0604020202020204" pitchFamily="34" charset="0"/>
              </a:rPr>
              <a:t>La clôture de la phase de l’allégation est le moment à partir duquel les faits et moyens de preuve ne peuvent être introduits au procès qu'à des conditions restrictives</a:t>
            </a:r>
          </a:p>
          <a:p>
            <a:pPr marL="355600" indent="-355600" algn="just">
              <a:buFont typeface="Symbol" panose="05050102010706020507" pitchFamily="18" charset="2"/>
              <a:buChar char=""/>
            </a:pPr>
            <a:r>
              <a:rPr lang="fr-CH" sz="1400" kern="100" dirty="0">
                <a:latin typeface="Arial" panose="020B0604020202020204" pitchFamily="34" charset="0"/>
                <a:cs typeface="Arial" panose="020B0604020202020204" pitchFamily="34" charset="0"/>
              </a:rPr>
              <a:t>Garantie d’un procès équitable et du principe de célérité</a:t>
            </a:r>
          </a:p>
          <a:p>
            <a:endParaRPr lang="fr-CH" dirty="0"/>
          </a:p>
        </p:txBody>
      </p:sp>
      <p:grpSp>
        <p:nvGrpSpPr>
          <p:cNvPr id="25" name="search">
            <a:extLst>
              <a:ext uri="{FF2B5EF4-FFF2-40B4-BE49-F238E27FC236}">
                <a16:creationId xmlns:a16="http://schemas.microsoft.com/office/drawing/2014/main" id="{4AF8F564-CF41-16A2-36CD-0306AFB17E36}"/>
              </a:ext>
            </a:extLst>
          </p:cNvPr>
          <p:cNvGrpSpPr>
            <a:grpSpLocks noChangeAspect="1"/>
          </p:cNvGrpSpPr>
          <p:nvPr/>
        </p:nvGrpSpPr>
        <p:grpSpPr>
          <a:xfrm>
            <a:off x="1933108" y="1100575"/>
            <a:ext cx="639408" cy="639408"/>
            <a:chOff x="3492500" y="3492500"/>
            <a:chExt cx="457200" cy="457200"/>
          </a:xfrm>
          <a:solidFill>
            <a:schemeClr val="accent5">
              <a:lumMod val="20000"/>
              <a:lumOff val="80000"/>
            </a:schemeClr>
          </a:solidFill>
        </p:grpSpPr>
        <p:sp>
          <p:nvSpPr>
            <p:cNvPr id="26" name="Freeform: Shape 2">
              <a:extLst>
                <a:ext uri="{FF2B5EF4-FFF2-40B4-BE49-F238E27FC236}">
                  <a16:creationId xmlns:a16="http://schemas.microsoft.com/office/drawing/2014/main" id="{C69810F1-B24E-A285-E5F9-6BAA868DD733}"/>
                </a:ext>
              </a:extLst>
            </p:cNvPr>
            <p:cNvSpPr/>
            <p:nvPr/>
          </p:nvSpPr>
          <p:spPr>
            <a:xfrm>
              <a:off x="3549650" y="3549650"/>
              <a:ext cx="304800" cy="304800"/>
            </a:xfrm>
            <a:custGeom>
              <a:avLst/>
              <a:gdLst>
                <a:gd name="connsiteX0" fmla="*/ 304800 w 304800"/>
                <a:gd name="connsiteY0" fmla="*/ 152400 h 304800"/>
                <a:gd name="connsiteX1" fmla="*/ 152400 w 304800"/>
                <a:gd name="connsiteY1" fmla="*/ 304800 h 304800"/>
                <a:gd name="connsiteX2" fmla="*/ 0 w 304800"/>
                <a:gd name="connsiteY2" fmla="*/ 152400 h 304800"/>
                <a:gd name="connsiteX3" fmla="*/ 152400 w 304800"/>
                <a:gd name="connsiteY3" fmla="*/ 0 h 304800"/>
                <a:gd name="connsiteX4" fmla="*/ 304800 w 304800"/>
                <a:gd name="connsiteY4" fmla="*/ 152400 h 3048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04800" h="304800">
                  <a:moveTo>
                    <a:pt x="304800" y="152400"/>
                  </a:moveTo>
                  <a:cubicBezTo>
                    <a:pt x="304800" y="236568"/>
                    <a:pt x="236568" y="304800"/>
                    <a:pt x="152400" y="304800"/>
                  </a:cubicBezTo>
                  <a:cubicBezTo>
                    <a:pt x="68232" y="304800"/>
                    <a:pt x="0" y="236568"/>
                    <a:pt x="0" y="152400"/>
                  </a:cubicBezTo>
                  <a:cubicBezTo>
                    <a:pt x="0" y="68232"/>
                    <a:pt x="68232" y="0"/>
                    <a:pt x="152400" y="0"/>
                  </a:cubicBezTo>
                  <a:cubicBezTo>
                    <a:pt x="236568" y="0"/>
                    <a:pt x="304800" y="68232"/>
                    <a:pt x="304800" y="152400"/>
                  </a:cubicBezTo>
                  <a:close/>
                </a:path>
              </a:pathLst>
            </a:custGeom>
            <a:grpFill/>
            <a:ln w="12700" cap="rnd">
              <a:solidFill>
                <a:schemeClr val="accent5">
                  <a:lumMod val="50000"/>
                </a:schemeClr>
              </a:solidFill>
              <a:prstDash val="solid"/>
              <a:round/>
            </a:ln>
          </p:spPr>
          <p:txBody>
            <a:bodyPr rtlCol="0" anchor="ctr"/>
            <a:lstStyle/>
            <a:p>
              <a:endParaRPr lang="de-CH"/>
            </a:p>
          </p:txBody>
        </p:sp>
        <p:sp>
          <p:nvSpPr>
            <p:cNvPr id="27" name="Freeform: Shape 3">
              <a:extLst>
                <a:ext uri="{FF2B5EF4-FFF2-40B4-BE49-F238E27FC236}">
                  <a16:creationId xmlns:a16="http://schemas.microsoft.com/office/drawing/2014/main" id="{18575DCF-F35A-47CC-32E0-3FAC0CF986E5}"/>
                </a:ext>
              </a:extLst>
            </p:cNvPr>
            <p:cNvSpPr/>
            <p:nvPr/>
          </p:nvSpPr>
          <p:spPr>
            <a:xfrm>
              <a:off x="3809682" y="3809682"/>
              <a:ext cx="82867" cy="82867"/>
            </a:xfrm>
            <a:custGeom>
              <a:avLst/>
              <a:gdLst>
                <a:gd name="connsiteX0" fmla="*/ 82868 w 82867"/>
                <a:gd name="connsiteY0" fmla="*/ 82868 h 82867"/>
                <a:gd name="connsiteX1" fmla="*/ 0 w 82867"/>
                <a:gd name="connsiteY1" fmla="*/ 0 h 82867"/>
              </a:gdLst>
              <a:ahLst/>
              <a:cxnLst>
                <a:cxn ang="0">
                  <a:pos x="connsiteX0" y="connsiteY0"/>
                </a:cxn>
                <a:cxn ang="0">
                  <a:pos x="connsiteX1" y="connsiteY1"/>
                </a:cxn>
              </a:cxnLst>
              <a:rect l="l" t="t" r="r" b="b"/>
              <a:pathLst>
                <a:path w="82867" h="82867">
                  <a:moveTo>
                    <a:pt x="82868" y="82868"/>
                  </a:moveTo>
                  <a:lnTo>
                    <a:pt x="0" y="0"/>
                  </a:lnTo>
                </a:path>
              </a:pathLst>
            </a:custGeom>
            <a:grpFill/>
            <a:ln w="12700" cap="rnd">
              <a:solidFill>
                <a:schemeClr val="accent5">
                  <a:lumMod val="50000"/>
                </a:schemeClr>
              </a:solidFill>
              <a:prstDash val="solid"/>
              <a:round/>
            </a:ln>
          </p:spPr>
          <p:txBody>
            <a:bodyPr rtlCol="0" anchor="ctr"/>
            <a:lstStyle/>
            <a:p>
              <a:endParaRPr lang="de-CH"/>
            </a:p>
          </p:txBody>
        </p:sp>
      </p:grpSp>
      <p:grpSp>
        <p:nvGrpSpPr>
          <p:cNvPr id="31" name="Time">
            <a:extLst>
              <a:ext uri="{FF2B5EF4-FFF2-40B4-BE49-F238E27FC236}">
                <a16:creationId xmlns:a16="http://schemas.microsoft.com/office/drawing/2014/main" id="{19B3684B-7653-6A67-9806-6E2128EC6C43}"/>
              </a:ext>
            </a:extLst>
          </p:cNvPr>
          <p:cNvGrpSpPr>
            <a:grpSpLocks noChangeAspect="1"/>
          </p:cNvGrpSpPr>
          <p:nvPr/>
        </p:nvGrpSpPr>
        <p:grpSpPr>
          <a:xfrm>
            <a:off x="9648904" y="1070043"/>
            <a:ext cx="580563" cy="638585"/>
            <a:chOff x="5960314" y="3753321"/>
            <a:chExt cx="380163" cy="418157"/>
          </a:xfrm>
          <a:solidFill>
            <a:srgbClr val="FCA862"/>
          </a:solidFill>
        </p:grpSpPr>
        <p:sp>
          <p:nvSpPr>
            <p:cNvPr id="32" name="Freeform: Shape 2">
              <a:extLst>
                <a:ext uri="{FF2B5EF4-FFF2-40B4-BE49-F238E27FC236}">
                  <a16:creationId xmlns:a16="http://schemas.microsoft.com/office/drawing/2014/main" id="{CEE5FF1D-5F47-5C19-4257-EE781A15E9FC}"/>
                </a:ext>
              </a:extLst>
            </p:cNvPr>
            <p:cNvSpPr/>
            <p:nvPr/>
          </p:nvSpPr>
          <p:spPr>
            <a:xfrm>
              <a:off x="5960314" y="3791314"/>
              <a:ext cx="380163" cy="380163"/>
            </a:xfrm>
            <a:custGeom>
              <a:avLst/>
              <a:gdLst>
                <a:gd name="connsiteX0" fmla="*/ 380164 w 380163"/>
                <a:gd name="connsiteY0" fmla="*/ 190082 h 380163"/>
                <a:gd name="connsiteX1" fmla="*/ 190082 w 380163"/>
                <a:gd name="connsiteY1" fmla="*/ 380164 h 380163"/>
                <a:gd name="connsiteX2" fmla="*/ 0 w 380163"/>
                <a:gd name="connsiteY2" fmla="*/ 190082 h 380163"/>
                <a:gd name="connsiteX3" fmla="*/ 190082 w 380163"/>
                <a:gd name="connsiteY3" fmla="*/ 0 h 380163"/>
                <a:gd name="connsiteX4" fmla="*/ 380164 w 380163"/>
                <a:gd name="connsiteY4" fmla="*/ 190082 h 38016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0163" h="380163">
                  <a:moveTo>
                    <a:pt x="380164" y="190082"/>
                  </a:moveTo>
                  <a:cubicBezTo>
                    <a:pt x="380164" y="295061"/>
                    <a:pt x="295061" y="380164"/>
                    <a:pt x="190082" y="380164"/>
                  </a:cubicBezTo>
                  <a:cubicBezTo>
                    <a:pt x="85103" y="380164"/>
                    <a:pt x="0" y="295061"/>
                    <a:pt x="0" y="190082"/>
                  </a:cubicBezTo>
                  <a:cubicBezTo>
                    <a:pt x="0" y="85103"/>
                    <a:pt x="85103" y="0"/>
                    <a:pt x="190082" y="0"/>
                  </a:cubicBezTo>
                  <a:cubicBezTo>
                    <a:pt x="295061" y="0"/>
                    <a:pt x="380164" y="85103"/>
                    <a:pt x="380164" y="190082"/>
                  </a:cubicBezTo>
                  <a:close/>
                </a:path>
              </a:pathLst>
            </a:custGeom>
            <a:grpFill/>
            <a:ln w="9525" cap="rnd">
              <a:solidFill>
                <a:schemeClr val="accent2">
                  <a:lumMod val="50000"/>
                </a:schemeClr>
              </a:solidFill>
              <a:prstDash val="solid"/>
              <a:round/>
            </a:ln>
          </p:spPr>
          <p:txBody>
            <a:bodyPr rtlCol="0" anchor="ctr"/>
            <a:lstStyle/>
            <a:p>
              <a:endParaRPr lang="de-CH"/>
            </a:p>
          </p:txBody>
        </p:sp>
        <p:sp>
          <p:nvSpPr>
            <p:cNvPr id="33" name="Freeform: Shape 3">
              <a:extLst>
                <a:ext uri="{FF2B5EF4-FFF2-40B4-BE49-F238E27FC236}">
                  <a16:creationId xmlns:a16="http://schemas.microsoft.com/office/drawing/2014/main" id="{83CDFD97-52EE-8FCC-BEDF-B6A3B5AA58A9}"/>
                </a:ext>
              </a:extLst>
            </p:cNvPr>
            <p:cNvSpPr/>
            <p:nvPr/>
          </p:nvSpPr>
          <p:spPr>
            <a:xfrm>
              <a:off x="6150396" y="3755314"/>
              <a:ext cx="9525" cy="36000"/>
            </a:xfrm>
            <a:custGeom>
              <a:avLst/>
              <a:gdLst>
                <a:gd name="connsiteX0" fmla="*/ 0 w 9525"/>
                <a:gd name="connsiteY0" fmla="*/ 36000 h 36000"/>
                <a:gd name="connsiteX1" fmla="*/ 0 w 9525"/>
                <a:gd name="connsiteY1" fmla="*/ 0 h 36000"/>
              </a:gdLst>
              <a:ahLst/>
              <a:cxnLst>
                <a:cxn ang="0">
                  <a:pos x="connsiteX0" y="connsiteY0"/>
                </a:cxn>
                <a:cxn ang="0">
                  <a:pos x="connsiteX1" y="connsiteY1"/>
                </a:cxn>
              </a:cxnLst>
              <a:rect l="l" t="t" r="r" b="b"/>
              <a:pathLst>
                <a:path w="9525" h="36000">
                  <a:moveTo>
                    <a:pt x="0" y="36000"/>
                  </a:moveTo>
                  <a:lnTo>
                    <a:pt x="0" y="0"/>
                  </a:lnTo>
                </a:path>
              </a:pathLst>
            </a:custGeom>
            <a:grpFill/>
            <a:ln w="9525" cap="rnd">
              <a:solidFill>
                <a:schemeClr val="accent2">
                  <a:lumMod val="50000"/>
                </a:schemeClr>
              </a:solidFill>
              <a:prstDash val="solid"/>
              <a:round/>
            </a:ln>
          </p:spPr>
          <p:txBody>
            <a:bodyPr rtlCol="0" anchor="ctr"/>
            <a:lstStyle/>
            <a:p>
              <a:endParaRPr lang="de-CH"/>
            </a:p>
          </p:txBody>
        </p:sp>
        <p:sp>
          <p:nvSpPr>
            <p:cNvPr id="34" name="Freeform: Shape 4">
              <a:extLst>
                <a:ext uri="{FF2B5EF4-FFF2-40B4-BE49-F238E27FC236}">
                  <a16:creationId xmlns:a16="http://schemas.microsoft.com/office/drawing/2014/main" id="{C20B4824-CDE7-6298-F221-47DC1CC166F2}"/>
                </a:ext>
              </a:extLst>
            </p:cNvPr>
            <p:cNvSpPr/>
            <p:nvPr/>
          </p:nvSpPr>
          <p:spPr>
            <a:xfrm>
              <a:off x="6150396" y="3823777"/>
              <a:ext cx="9525" cy="37993"/>
            </a:xfrm>
            <a:custGeom>
              <a:avLst/>
              <a:gdLst>
                <a:gd name="connsiteX0" fmla="*/ 0 w 9525"/>
                <a:gd name="connsiteY0" fmla="*/ 37994 h 37993"/>
                <a:gd name="connsiteX1" fmla="*/ 0 w 9525"/>
                <a:gd name="connsiteY1" fmla="*/ 0 h 37993"/>
              </a:gdLst>
              <a:ahLst/>
              <a:cxnLst>
                <a:cxn ang="0">
                  <a:pos x="connsiteX0" y="connsiteY0"/>
                </a:cxn>
                <a:cxn ang="0">
                  <a:pos x="connsiteX1" y="connsiteY1"/>
                </a:cxn>
              </a:cxnLst>
              <a:rect l="l" t="t" r="r" b="b"/>
              <a:pathLst>
                <a:path w="9525" h="37993">
                  <a:moveTo>
                    <a:pt x="0" y="37994"/>
                  </a:moveTo>
                  <a:lnTo>
                    <a:pt x="0" y="0"/>
                  </a:lnTo>
                </a:path>
              </a:pathLst>
            </a:custGeom>
            <a:grpFill/>
            <a:ln w="9525" cap="rnd">
              <a:solidFill>
                <a:schemeClr val="accent2">
                  <a:lumMod val="50000"/>
                </a:schemeClr>
              </a:solidFill>
              <a:prstDash val="solid"/>
              <a:round/>
            </a:ln>
          </p:spPr>
          <p:txBody>
            <a:bodyPr rtlCol="0" anchor="ctr"/>
            <a:lstStyle/>
            <a:p>
              <a:endParaRPr lang="de-CH"/>
            </a:p>
          </p:txBody>
        </p:sp>
        <p:sp>
          <p:nvSpPr>
            <p:cNvPr id="35" name="Freeform: Shape 5">
              <a:extLst>
                <a:ext uri="{FF2B5EF4-FFF2-40B4-BE49-F238E27FC236}">
                  <a16:creationId xmlns:a16="http://schemas.microsoft.com/office/drawing/2014/main" id="{722F381D-B0F4-DF9A-870F-90E15CF850C9}"/>
                </a:ext>
              </a:extLst>
            </p:cNvPr>
            <p:cNvSpPr/>
            <p:nvPr/>
          </p:nvSpPr>
          <p:spPr>
            <a:xfrm>
              <a:off x="6038942" y="3869942"/>
              <a:ext cx="28878" cy="28878"/>
            </a:xfrm>
            <a:custGeom>
              <a:avLst/>
              <a:gdLst>
                <a:gd name="connsiteX0" fmla="*/ 28879 w 28878"/>
                <a:gd name="connsiteY0" fmla="*/ 28879 h 28878"/>
                <a:gd name="connsiteX1" fmla="*/ 0 w 28878"/>
                <a:gd name="connsiteY1" fmla="*/ 0 h 28878"/>
              </a:gdLst>
              <a:ahLst/>
              <a:cxnLst>
                <a:cxn ang="0">
                  <a:pos x="connsiteX0" y="connsiteY0"/>
                </a:cxn>
                <a:cxn ang="0">
                  <a:pos x="connsiteX1" y="connsiteY1"/>
                </a:cxn>
              </a:cxnLst>
              <a:rect l="l" t="t" r="r" b="b"/>
              <a:pathLst>
                <a:path w="28878" h="28878">
                  <a:moveTo>
                    <a:pt x="28879" y="28879"/>
                  </a:moveTo>
                  <a:lnTo>
                    <a:pt x="0" y="0"/>
                  </a:lnTo>
                </a:path>
              </a:pathLst>
            </a:custGeom>
            <a:grpFill/>
            <a:ln w="9525" cap="rnd">
              <a:solidFill>
                <a:schemeClr val="accent2">
                  <a:lumMod val="50000"/>
                </a:schemeClr>
              </a:solidFill>
              <a:prstDash val="solid"/>
              <a:round/>
            </a:ln>
          </p:spPr>
          <p:txBody>
            <a:bodyPr rtlCol="0" anchor="ctr"/>
            <a:lstStyle/>
            <a:p>
              <a:endParaRPr lang="de-CH"/>
            </a:p>
          </p:txBody>
        </p:sp>
        <p:sp>
          <p:nvSpPr>
            <p:cNvPr id="36" name="Freeform: Shape 6">
              <a:extLst>
                <a:ext uri="{FF2B5EF4-FFF2-40B4-BE49-F238E27FC236}">
                  <a16:creationId xmlns:a16="http://schemas.microsoft.com/office/drawing/2014/main" id="{14E5F4A8-1057-4C10-0926-A01E7B1DA39E}"/>
                </a:ext>
              </a:extLst>
            </p:cNvPr>
            <p:cNvSpPr/>
            <p:nvPr/>
          </p:nvSpPr>
          <p:spPr>
            <a:xfrm>
              <a:off x="5992776" y="3981396"/>
              <a:ext cx="37994" cy="9525"/>
            </a:xfrm>
            <a:custGeom>
              <a:avLst/>
              <a:gdLst>
                <a:gd name="connsiteX0" fmla="*/ 37994 w 37994"/>
                <a:gd name="connsiteY0" fmla="*/ 0 h 9525"/>
                <a:gd name="connsiteX1" fmla="*/ 0 w 37994"/>
                <a:gd name="connsiteY1" fmla="*/ 0 h 9525"/>
              </a:gdLst>
              <a:ahLst/>
              <a:cxnLst>
                <a:cxn ang="0">
                  <a:pos x="connsiteX0" y="connsiteY0"/>
                </a:cxn>
                <a:cxn ang="0">
                  <a:pos x="connsiteX1" y="connsiteY1"/>
                </a:cxn>
              </a:cxnLst>
              <a:rect l="l" t="t" r="r" b="b"/>
              <a:pathLst>
                <a:path w="37994" h="9525">
                  <a:moveTo>
                    <a:pt x="37994" y="0"/>
                  </a:moveTo>
                  <a:lnTo>
                    <a:pt x="0" y="0"/>
                  </a:lnTo>
                </a:path>
              </a:pathLst>
            </a:custGeom>
            <a:grpFill/>
            <a:ln w="9525" cap="rnd">
              <a:solidFill>
                <a:schemeClr val="accent2">
                  <a:lumMod val="50000"/>
                </a:schemeClr>
              </a:solidFill>
              <a:prstDash val="solid"/>
              <a:round/>
            </a:ln>
          </p:spPr>
          <p:txBody>
            <a:bodyPr rtlCol="0" anchor="ctr"/>
            <a:lstStyle/>
            <a:p>
              <a:endParaRPr lang="de-CH"/>
            </a:p>
          </p:txBody>
        </p:sp>
        <p:sp>
          <p:nvSpPr>
            <p:cNvPr id="37" name="Freeform: Shape 7">
              <a:extLst>
                <a:ext uri="{FF2B5EF4-FFF2-40B4-BE49-F238E27FC236}">
                  <a16:creationId xmlns:a16="http://schemas.microsoft.com/office/drawing/2014/main" id="{84422CE2-FF14-19E0-1271-0FE92A90B7CF}"/>
                </a:ext>
              </a:extLst>
            </p:cNvPr>
            <p:cNvSpPr/>
            <p:nvPr/>
          </p:nvSpPr>
          <p:spPr>
            <a:xfrm>
              <a:off x="6038942" y="4065985"/>
              <a:ext cx="26866" cy="26865"/>
            </a:xfrm>
            <a:custGeom>
              <a:avLst/>
              <a:gdLst>
                <a:gd name="connsiteX0" fmla="*/ 26866 w 26866"/>
                <a:gd name="connsiteY0" fmla="*/ 0 h 26865"/>
                <a:gd name="connsiteX1" fmla="*/ 0 w 26866"/>
                <a:gd name="connsiteY1" fmla="*/ 26865 h 26865"/>
              </a:gdLst>
              <a:ahLst/>
              <a:cxnLst>
                <a:cxn ang="0">
                  <a:pos x="connsiteX0" y="connsiteY0"/>
                </a:cxn>
                <a:cxn ang="0">
                  <a:pos x="connsiteX1" y="connsiteY1"/>
                </a:cxn>
              </a:cxnLst>
              <a:rect l="l" t="t" r="r" b="b"/>
              <a:pathLst>
                <a:path w="26866" h="26865">
                  <a:moveTo>
                    <a:pt x="26866" y="0"/>
                  </a:moveTo>
                  <a:lnTo>
                    <a:pt x="0" y="26865"/>
                  </a:lnTo>
                </a:path>
              </a:pathLst>
            </a:custGeom>
            <a:grpFill/>
            <a:ln w="9525" cap="rnd">
              <a:solidFill>
                <a:schemeClr val="accent2">
                  <a:lumMod val="50000"/>
                </a:schemeClr>
              </a:solidFill>
              <a:prstDash val="solid"/>
              <a:round/>
            </a:ln>
          </p:spPr>
          <p:txBody>
            <a:bodyPr rtlCol="0" anchor="ctr"/>
            <a:lstStyle/>
            <a:p>
              <a:endParaRPr lang="de-CH"/>
            </a:p>
          </p:txBody>
        </p:sp>
        <p:sp>
          <p:nvSpPr>
            <p:cNvPr id="38" name="Freeform: Shape 8">
              <a:extLst>
                <a:ext uri="{FF2B5EF4-FFF2-40B4-BE49-F238E27FC236}">
                  <a16:creationId xmlns:a16="http://schemas.microsoft.com/office/drawing/2014/main" id="{E4D71E6B-A89B-B6C3-F17E-2CF3A5500ACB}"/>
                </a:ext>
              </a:extLst>
            </p:cNvPr>
            <p:cNvSpPr/>
            <p:nvPr/>
          </p:nvSpPr>
          <p:spPr>
            <a:xfrm>
              <a:off x="6150396" y="4101023"/>
              <a:ext cx="9525" cy="37993"/>
            </a:xfrm>
            <a:custGeom>
              <a:avLst/>
              <a:gdLst>
                <a:gd name="connsiteX0" fmla="*/ 0 w 9525"/>
                <a:gd name="connsiteY0" fmla="*/ 0 h 37993"/>
                <a:gd name="connsiteX1" fmla="*/ 0 w 9525"/>
                <a:gd name="connsiteY1" fmla="*/ 37993 h 37993"/>
              </a:gdLst>
              <a:ahLst/>
              <a:cxnLst>
                <a:cxn ang="0">
                  <a:pos x="connsiteX0" y="connsiteY0"/>
                </a:cxn>
                <a:cxn ang="0">
                  <a:pos x="connsiteX1" y="connsiteY1"/>
                </a:cxn>
              </a:cxnLst>
              <a:rect l="l" t="t" r="r" b="b"/>
              <a:pathLst>
                <a:path w="9525" h="37993">
                  <a:moveTo>
                    <a:pt x="0" y="0"/>
                  </a:moveTo>
                  <a:lnTo>
                    <a:pt x="0" y="37993"/>
                  </a:lnTo>
                </a:path>
              </a:pathLst>
            </a:custGeom>
            <a:grpFill/>
            <a:ln w="9525" cap="rnd">
              <a:solidFill>
                <a:schemeClr val="accent2">
                  <a:lumMod val="50000"/>
                </a:schemeClr>
              </a:solidFill>
              <a:prstDash val="solid"/>
              <a:round/>
            </a:ln>
          </p:spPr>
          <p:txBody>
            <a:bodyPr rtlCol="0" anchor="ctr"/>
            <a:lstStyle/>
            <a:p>
              <a:endParaRPr lang="de-CH"/>
            </a:p>
          </p:txBody>
        </p:sp>
        <p:sp>
          <p:nvSpPr>
            <p:cNvPr id="39" name="Freeform: Shape 9">
              <a:extLst>
                <a:ext uri="{FF2B5EF4-FFF2-40B4-BE49-F238E27FC236}">
                  <a16:creationId xmlns:a16="http://schemas.microsoft.com/office/drawing/2014/main" id="{19965593-DDC4-3015-3CED-C98E5DB0AB53}"/>
                </a:ext>
              </a:extLst>
            </p:cNvPr>
            <p:cNvSpPr/>
            <p:nvPr/>
          </p:nvSpPr>
          <p:spPr>
            <a:xfrm>
              <a:off x="6234984" y="4065985"/>
              <a:ext cx="26865" cy="26865"/>
            </a:xfrm>
            <a:custGeom>
              <a:avLst/>
              <a:gdLst>
                <a:gd name="connsiteX0" fmla="*/ 0 w 26865"/>
                <a:gd name="connsiteY0" fmla="*/ 0 h 26865"/>
                <a:gd name="connsiteX1" fmla="*/ 26865 w 26865"/>
                <a:gd name="connsiteY1" fmla="*/ 26865 h 26865"/>
              </a:gdLst>
              <a:ahLst/>
              <a:cxnLst>
                <a:cxn ang="0">
                  <a:pos x="connsiteX0" y="connsiteY0"/>
                </a:cxn>
                <a:cxn ang="0">
                  <a:pos x="connsiteX1" y="connsiteY1"/>
                </a:cxn>
              </a:cxnLst>
              <a:rect l="l" t="t" r="r" b="b"/>
              <a:pathLst>
                <a:path w="26865" h="26865">
                  <a:moveTo>
                    <a:pt x="0" y="0"/>
                  </a:moveTo>
                  <a:lnTo>
                    <a:pt x="26865" y="26865"/>
                  </a:lnTo>
                </a:path>
              </a:pathLst>
            </a:custGeom>
            <a:grpFill/>
            <a:ln w="9525" cap="rnd">
              <a:solidFill>
                <a:schemeClr val="accent2">
                  <a:lumMod val="50000"/>
                </a:schemeClr>
              </a:solidFill>
              <a:prstDash val="solid"/>
              <a:round/>
            </a:ln>
          </p:spPr>
          <p:txBody>
            <a:bodyPr rtlCol="0" anchor="ctr"/>
            <a:lstStyle/>
            <a:p>
              <a:endParaRPr lang="de-CH"/>
            </a:p>
          </p:txBody>
        </p:sp>
        <p:sp>
          <p:nvSpPr>
            <p:cNvPr id="40" name="Freeform: Shape 10">
              <a:extLst>
                <a:ext uri="{FF2B5EF4-FFF2-40B4-BE49-F238E27FC236}">
                  <a16:creationId xmlns:a16="http://schemas.microsoft.com/office/drawing/2014/main" id="{5C034419-5979-4258-515A-F7216E74B75B}"/>
                </a:ext>
              </a:extLst>
            </p:cNvPr>
            <p:cNvSpPr/>
            <p:nvPr/>
          </p:nvSpPr>
          <p:spPr>
            <a:xfrm>
              <a:off x="6270021" y="3981396"/>
              <a:ext cx="37994" cy="9525"/>
            </a:xfrm>
            <a:custGeom>
              <a:avLst/>
              <a:gdLst>
                <a:gd name="connsiteX0" fmla="*/ 0 w 37994"/>
                <a:gd name="connsiteY0" fmla="*/ 0 h 9525"/>
                <a:gd name="connsiteX1" fmla="*/ 37994 w 37994"/>
                <a:gd name="connsiteY1" fmla="*/ 0 h 9525"/>
              </a:gdLst>
              <a:ahLst/>
              <a:cxnLst>
                <a:cxn ang="0">
                  <a:pos x="connsiteX0" y="connsiteY0"/>
                </a:cxn>
                <a:cxn ang="0">
                  <a:pos x="connsiteX1" y="connsiteY1"/>
                </a:cxn>
              </a:cxnLst>
              <a:rect l="l" t="t" r="r" b="b"/>
              <a:pathLst>
                <a:path w="37994" h="9525">
                  <a:moveTo>
                    <a:pt x="0" y="0"/>
                  </a:moveTo>
                  <a:lnTo>
                    <a:pt x="37994" y="0"/>
                  </a:lnTo>
                </a:path>
              </a:pathLst>
            </a:custGeom>
            <a:grpFill/>
            <a:ln w="9525" cap="rnd">
              <a:solidFill>
                <a:schemeClr val="accent2">
                  <a:lumMod val="50000"/>
                </a:schemeClr>
              </a:solidFill>
              <a:prstDash val="solid"/>
              <a:round/>
            </a:ln>
          </p:spPr>
          <p:txBody>
            <a:bodyPr rtlCol="0" anchor="ctr"/>
            <a:lstStyle/>
            <a:p>
              <a:endParaRPr lang="de-CH"/>
            </a:p>
          </p:txBody>
        </p:sp>
        <p:sp>
          <p:nvSpPr>
            <p:cNvPr id="41" name="Freeform: Shape 11">
              <a:extLst>
                <a:ext uri="{FF2B5EF4-FFF2-40B4-BE49-F238E27FC236}">
                  <a16:creationId xmlns:a16="http://schemas.microsoft.com/office/drawing/2014/main" id="{950DC429-BF54-112D-5B4A-F0D62BAE1BA0}"/>
                </a:ext>
              </a:extLst>
            </p:cNvPr>
            <p:cNvSpPr/>
            <p:nvPr/>
          </p:nvSpPr>
          <p:spPr>
            <a:xfrm>
              <a:off x="6168528" y="3869942"/>
              <a:ext cx="93321" cy="93321"/>
            </a:xfrm>
            <a:custGeom>
              <a:avLst/>
              <a:gdLst>
                <a:gd name="connsiteX0" fmla="*/ 0 w 93321"/>
                <a:gd name="connsiteY0" fmla="*/ 93321 h 93321"/>
                <a:gd name="connsiteX1" fmla="*/ 93321 w 93321"/>
                <a:gd name="connsiteY1" fmla="*/ 0 h 93321"/>
              </a:gdLst>
              <a:ahLst/>
              <a:cxnLst>
                <a:cxn ang="0">
                  <a:pos x="connsiteX0" y="connsiteY0"/>
                </a:cxn>
                <a:cxn ang="0">
                  <a:pos x="connsiteX1" y="connsiteY1"/>
                </a:cxn>
              </a:cxnLst>
              <a:rect l="l" t="t" r="r" b="b"/>
              <a:pathLst>
                <a:path w="93321" h="93321">
                  <a:moveTo>
                    <a:pt x="0" y="93321"/>
                  </a:moveTo>
                  <a:lnTo>
                    <a:pt x="93321" y="0"/>
                  </a:lnTo>
                </a:path>
              </a:pathLst>
            </a:custGeom>
            <a:grpFill/>
            <a:ln w="9525" cap="rnd">
              <a:solidFill>
                <a:schemeClr val="accent2">
                  <a:lumMod val="50000"/>
                </a:schemeClr>
              </a:solidFill>
              <a:prstDash val="solid"/>
              <a:round/>
            </a:ln>
          </p:spPr>
          <p:txBody>
            <a:bodyPr rtlCol="0" anchor="ctr"/>
            <a:lstStyle/>
            <a:p>
              <a:endParaRPr lang="de-CH"/>
            </a:p>
          </p:txBody>
        </p:sp>
        <p:sp>
          <p:nvSpPr>
            <p:cNvPr id="42" name="Freeform: Shape 12">
              <a:extLst>
                <a:ext uri="{FF2B5EF4-FFF2-40B4-BE49-F238E27FC236}">
                  <a16:creationId xmlns:a16="http://schemas.microsoft.com/office/drawing/2014/main" id="{ABA60C84-B4EF-6137-3F6A-A8E6D046E808}"/>
                </a:ext>
              </a:extLst>
            </p:cNvPr>
            <p:cNvSpPr/>
            <p:nvPr/>
          </p:nvSpPr>
          <p:spPr>
            <a:xfrm>
              <a:off x="6286486" y="3822941"/>
              <a:ext cx="22364" cy="22364"/>
            </a:xfrm>
            <a:custGeom>
              <a:avLst/>
              <a:gdLst>
                <a:gd name="connsiteX0" fmla="*/ 0 w 22364"/>
                <a:gd name="connsiteY0" fmla="*/ 22365 h 22364"/>
                <a:gd name="connsiteX1" fmla="*/ 22365 w 22364"/>
                <a:gd name="connsiteY1" fmla="*/ 0 h 22364"/>
              </a:gdLst>
              <a:ahLst/>
              <a:cxnLst>
                <a:cxn ang="0">
                  <a:pos x="connsiteX0" y="connsiteY0"/>
                </a:cxn>
                <a:cxn ang="0">
                  <a:pos x="connsiteX1" y="connsiteY1"/>
                </a:cxn>
              </a:cxnLst>
              <a:rect l="l" t="t" r="r" b="b"/>
              <a:pathLst>
                <a:path w="22364" h="22364">
                  <a:moveTo>
                    <a:pt x="0" y="22365"/>
                  </a:moveTo>
                  <a:lnTo>
                    <a:pt x="22365" y="0"/>
                  </a:lnTo>
                </a:path>
              </a:pathLst>
            </a:custGeom>
            <a:grpFill/>
            <a:ln w="9525" cap="rnd">
              <a:solidFill>
                <a:schemeClr val="accent2">
                  <a:lumMod val="50000"/>
                </a:schemeClr>
              </a:solidFill>
              <a:prstDash val="solid"/>
              <a:round/>
            </a:ln>
          </p:spPr>
          <p:txBody>
            <a:bodyPr rtlCol="0" anchor="ctr"/>
            <a:lstStyle/>
            <a:p>
              <a:endParaRPr lang="de-CH"/>
            </a:p>
          </p:txBody>
        </p:sp>
        <p:sp>
          <p:nvSpPr>
            <p:cNvPr id="43" name="Freeform: Shape 13">
              <a:extLst>
                <a:ext uri="{FF2B5EF4-FFF2-40B4-BE49-F238E27FC236}">
                  <a16:creationId xmlns:a16="http://schemas.microsoft.com/office/drawing/2014/main" id="{E302726A-ACC1-DC50-21FC-D83E0F7D58DA}"/>
                </a:ext>
              </a:extLst>
            </p:cNvPr>
            <p:cNvSpPr/>
            <p:nvPr/>
          </p:nvSpPr>
          <p:spPr>
            <a:xfrm>
              <a:off x="6100425" y="3753321"/>
              <a:ext cx="99940" cy="9525"/>
            </a:xfrm>
            <a:custGeom>
              <a:avLst/>
              <a:gdLst>
                <a:gd name="connsiteX0" fmla="*/ 0 w 99940"/>
                <a:gd name="connsiteY0" fmla="*/ 0 h 9525"/>
                <a:gd name="connsiteX1" fmla="*/ 99940 w 99940"/>
                <a:gd name="connsiteY1" fmla="*/ 0 h 9525"/>
              </a:gdLst>
              <a:ahLst/>
              <a:cxnLst>
                <a:cxn ang="0">
                  <a:pos x="connsiteX0" y="connsiteY0"/>
                </a:cxn>
                <a:cxn ang="0">
                  <a:pos x="connsiteX1" y="connsiteY1"/>
                </a:cxn>
              </a:cxnLst>
              <a:rect l="l" t="t" r="r" b="b"/>
              <a:pathLst>
                <a:path w="99940" h="9525">
                  <a:moveTo>
                    <a:pt x="0" y="0"/>
                  </a:moveTo>
                  <a:lnTo>
                    <a:pt x="99940" y="0"/>
                  </a:lnTo>
                </a:path>
              </a:pathLst>
            </a:custGeom>
            <a:grpFill/>
            <a:ln w="9525" cap="rnd">
              <a:solidFill>
                <a:schemeClr val="accent2">
                  <a:lumMod val="50000"/>
                </a:schemeClr>
              </a:solidFill>
              <a:prstDash val="solid"/>
              <a:round/>
            </a:ln>
          </p:spPr>
          <p:txBody>
            <a:bodyPr rtlCol="0" anchor="ctr"/>
            <a:lstStyle/>
            <a:p>
              <a:endParaRPr lang="de-CH"/>
            </a:p>
          </p:txBody>
        </p:sp>
        <p:sp>
          <p:nvSpPr>
            <p:cNvPr id="44" name="Freeform: Shape 14">
              <a:extLst>
                <a:ext uri="{FF2B5EF4-FFF2-40B4-BE49-F238E27FC236}">
                  <a16:creationId xmlns:a16="http://schemas.microsoft.com/office/drawing/2014/main" id="{19C32977-1EE3-BBBA-CC18-D2AC0034AD91}"/>
                </a:ext>
              </a:extLst>
            </p:cNvPr>
            <p:cNvSpPr/>
            <p:nvPr/>
          </p:nvSpPr>
          <p:spPr>
            <a:xfrm>
              <a:off x="6288157" y="3802248"/>
              <a:ext cx="41388" cy="41387"/>
            </a:xfrm>
            <a:custGeom>
              <a:avLst/>
              <a:gdLst>
                <a:gd name="connsiteX0" fmla="*/ 0 w 41388"/>
                <a:gd name="connsiteY0" fmla="*/ 0 h 41387"/>
                <a:gd name="connsiteX1" fmla="*/ 41388 w 41388"/>
                <a:gd name="connsiteY1" fmla="*/ 41387 h 41387"/>
              </a:gdLst>
              <a:ahLst/>
              <a:cxnLst>
                <a:cxn ang="0">
                  <a:pos x="connsiteX0" y="connsiteY0"/>
                </a:cxn>
                <a:cxn ang="0">
                  <a:pos x="connsiteX1" y="connsiteY1"/>
                </a:cxn>
              </a:cxnLst>
              <a:rect l="l" t="t" r="r" b="b"/>
              <a:pathLst>
                <a:path w="41388" h="41387">
                  <a:moveTo>
                    <a:pt x="0" y="0"/>
                  </a:moveTo>
                  <a:lnTo>
                    <a:pt x="41388" y="41387"/>
                  </a:lnTo>
                </a:path>
              </a:pathLst>
            </a:custGeom>
            <a:grpFill/>
            <a:ln w="9525" cap="rnd">
              <a:solidFill>
                <a:schemeClr val="accent2">
                  <a:lumMod val="50000"/>
                </a:schemeClr>
              </a:solidFill>
              <a:prstDash val="solid"/>
              <a:round/>
            </a:ln>
          </p:spPr>
          <p:txBody>
            <a:bodyPr rtlCol="0" anchor="ctr"/>
            <a:lstStyle/>
            <a:p>
              <a:endParaRPr lang="de-CH"/>
            </a:p>
          </p:txBody>
        </p:sp>
        <p:sp>
          <p:nvSpPr>
            <p:cNvPr id="45" name="Freeform: Shape 15">
              <a:extLst>
                <a:ext uri="{FF2B5EF4-FFF2-40B4-BE49-F238E27FC236}">
                  <a16:creationId xmlns:a16="http://schemas.microsoft.com/office/drawing/2014/main" id="{5BC33AD8-9C7A-8FF1-6C0A-632D00DFD32E}"/>
                </a:ext>
              </a:extLst>
            </p:cNvPr>
            <p:cNvSpPr/>
            <p:nvPr/>
          </p:nvSpPr>
          <p:spPr>
            <a:xfrm>
              <a:off x="6124751" y="3955751"/>
              <a:ext cx="51289" cy="51289"/>
            </a:xfrm>
            <a:custGeom>
              <a:avLst/>
              <a:gdLst>
                <a:gd name="connsiteX0" fmla="*/ 51290 w 51289"/>
                <a:gd name="connsiteY0" fmla="*/ 25645 h 51289"/>
                <a:gd name="connsiteX1" fmla="*/ 25645 w 51289"/>
                <a:gd name="connsiteY1" fmla="*/ 51290 h 51289"/>
                <a:gd name="connsiteX2" fmla="*/ 0 w 51289"/>
                <a:gd name="connsiteY2" fmla="*/ 25645 h 51289"/>
                <a:gd name="connsiteX3" fmla="*/ 25645 w 51289"/>
                <a:gd name="connsiteY3" fmla="*/ 0 h 51289"/>
                <a:gd name="connsiteX4" fmla="*/ 51290 w 51289"/>
                <a:gd name="connsiteY4" fmla="*/ 25645 h 5128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1289" h="51289">
                  <a:moveTo>
                    <a:pt x="51290" y="25645"/>
                  </a:moveTo>
                  <a:cubicBezTo>
                    <a:pt x="51290" y="39808"/>
                    <a:pt x="39808" y="51290"/>
                    <a:pt x="25645" y="51290"/>
                  </a:cubicBezTo>
                  <a:cubicBezTo>
                    <a:pt x="11482" y="51290"/>
                    <a:pt x="0" y="39808"/>
                    <a:pt x="0" y="25645"/>
                  </a:cubicBezTo>
                  <a:cubicBezTo>
                    <a:pt x="0" y="11482"/>
                    <a:pt x="11482" y="0"/>
                    <a:pt x="25645" y="0"/>
                  </a:cubicBezTo>
                  <a:cubicBezTo>
                    <a:pt x="39808" y="0"/>
                    <a:pt x="51290" y="11482"/>
                    <a:pt x="51290" y="25645"/>
                  </a:cubicBezTo>
                  <a:close/>
                </a:path>
              </a:pathLst>
            </a:custGeom>
            <a:grpFill/>
            <a:ln w="9525" cap="rnd">
              <a:solidFill>
                <a:schemeClr val="accent2">
                  <a:lumMod val="50000"/>
                </a:schemeClr>
              </a:solidFill>
              <a:prstDash val="solid"/>
              <a:round/>
            </a:ln>
          </p:spPr>
          <p:txBody>
            <a:bodyPr rtlCol="0" anchor="ctr"/>
            <a:lstStyle/>
            <a:p>
              <a:endParaRPr lang="de-CH"/>
            </a:p>
          </p:txBody>
        </p:sp>
      </p:grpSp>
      <p:pic>
        <p:nvPicPr>
          <p:cNvPr id="21" name="Grafik 20">
            <a:extLst>
              <a:ext uri="{FF2B5EF4-FFF2-40B4-BE49-F238E27FC236}">
                <a16:creationId xmlns:a16="http://schemas.microsoft.com/office/drawing/2014/main" id="{18A290F3-38E0-E70A-2901-B83703C05F4F}"/>
              </a:ext>
            </a:extLst>
          </p:cNvPr>
          <p:cNvPicPr>
            <a:picLocks noChangeAspect="1"/>
          </p:cNvPicPr>
          <p:nvPr/>
        </p:nvPicPr>
        <p:blipFill>
          <a:blip r:embed="rId2"/>
          <a:stretch>
            <a:fillRect/>
          </a:stretch>
        </p:blipFill>
        <p:spPr>
          <a:xfrm>
            <a:off x="5090613" y="1004761"/>
            <a:ext cx="1723473" cy="720339"/>
          </a:xfrm>
          <a:prstGeom prst="rect">
            <a:avLst/>
          </a:prstGeom>
        </p:spPr>
      </p:pic>
      <p:sp>
        <p:nvSpPr>
          <p:cNvPr id="62" name="umbrella">
            <a:extLst>
              <a:ext uri="{FF2B5EF4-FFF2-40B4-BE49-F238E27FC236}">
                <a16:creationId xmlns:a16="http://schemas.microsoft.com/office/drawing/2014/main" id="{E190DBC9-3CD8-798F-705B-82A4CB60DACE}"/>
              </a:ext>
            </a:extLst>
          </p:cNvPr>
          <p:cNvSpPr>
            <a:spLocks noChangeAspect="1"/>
          </p:cNvSpPr>
          <p:nvPr/>
        </p:nvSpPr>
        <p:spPr>
          <a:xfrm>
            <a:off x="4452060" y="5384249"/>
            <a:ext cx="379192" cy="344733"/>
          </a:xfrm>
          <a:custGeom>
            <a:avLst/>
            <a:gdLst>
              <a:gd name="connsiteX0" fmla="*/ 419100 w 419100"/>
              <a:gd name="connsiteY0" fmla="*/ 190515 h 381014"/>
              <a:gd name="connsiteX1" fmla="*/ 189548 w 419100"/>
              <a:gd name="connsiteY1" fmla="*/ 967 h 381014"/>
              <a:gd name="connsiteX2" fmla="*/ 0 w 419100"/>
              <a:gd name="connsiteY2" fmla="*/ 190515 h 381014"/>
              <a:gd name="connsiteX3" fmla="*/ 323850 w 419100"/>
              <a:gd name="connsiteY3" fmla="*/ 323865 h 381014"/>
              <a:gd name="connsiteX4" fmla="*/ 266700 w 419100"/>
              <a:gd name="connsiteY4" fmla="*/ 381015 h 381014"/>
              <a:gd name="connsiteX5" fmla="*/ 209550 w 419100"/>
              <a:gd name="connsiteY5" fmla="*/ 323865 h 381014"/>
              <a:gd name="connsiteX6" fmla="*/ 209550 w 419100"/>
              <a:gd name="connsiteY6" fmla="*/ 190515 h 3810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19100" h="381014">
                <a:moveTo>
                  <a:pt x="419100" y="190515"/>
                </a:moveTo>
                <a:cubicBezTo>
                  <a:pt x="408053" y="74783"/>
                  <a:pt x="305278" y="-10080"/>
                  <a:pt x="189548" y="967"/>
                </a:cubicBezTo>
                <a:cubicBezTo>
                  <a:pt x="89102" y="10555"/>
                  <a:pt x="9588" y="90069"/>
                  <a:pt x="0" y="190515"/>
                </a:cubicBezTo>
                <a:close/>
                <a:moveTo>
                  <a:pt x="323850" y="323865"/>
                </a:moveTo>
                <a:cubicBezTo>
                  <a:pt x="323850" y="355429"/>
                  <a:pt x="298264" y="381015"/>
                  <a:pt x="266700" y="381015"/>
                </a:cubicBezTo>
                <a:cubicBezTo>
                  <a:pt x="235136" y="381015"/>
                  <a:pt x="209550" y="355429"/>
                  <a:pt x="209550" y="323865"/>
                </a:cubicBezTo>
                <a:lnTo>
                  <a:pt x="209550" y="190515"/>
                </a:lnTo>
              </a:path>
            </a:pathLst>
          </a:custGeom>
          <a:noFill/>
          <a:ln w="12700" cap="rnd">
            <a:solidFill>
              <a:schemeClr val="tx1"/>
            </a:solidFill>
            <a:prstDash val="solid"/>
            <a:round/>
          </a:ln>
        </p:spPr>
        <p:txBody>
          <a:bodyPr rtlCol="0" anchor="ctr"/>
          <a:lstStyle/>
          <a:p>
            <a:endParaRPr lang="de-CH"/>
          </a:p>
        </p:txBody>
      </p:sp>
      <p:sp>
        <p:nvSpPr>
          <p:cNvPr id="66" name="Titel 8">
            <a:extLst>
              <a:ext uri="{FF2B5EF4-FFF2-40B4-BE49-F238E27FC236}">
                <a16:creationId xmlns:a16="http://schemas.microsoft.com/office/drawing/2014/main" id="{3F146328-67DE-C5B4-7BE0-A59B23848F46}"/>
              </a:ext>
            </a:extLst>
          </p:cNvPr>
          <p:cNvSpPr txBox="1">
            <a:spLocks/>
          </p:cNvSpPr>
          <p:nvPr/>
        </p:nvSpPr>
        <p:spPr>
          <a:xfrm>
            <a:off x="334963" y="469414"/>
            <a:ext cx="9360000" cy="461982"/>
          </a:xfrm>
          <a:prstGeom prst="rect">
            <a:avLst/>
          </a:prstGeom>
        </p:spPr>
        <p:txBody>
          <a:bodyPr vert="horz" lIns="0" tIns="0" rIns="0" bIns="0" rtlCol="0" anchor="t">
            <a:noAutofit/>
          </a:bodyPr>
          <a:lstStyle>
            <a:lvl1pPr algn="l" defTabSz="914400" rtl="0" eaLnBrk="1" latinLnBrk="0" hangingPunct="1">
              <a:lnSpc>
                <a:spcPct val="90000"/>
              </a:lnSpc>
              <a:spcBef>
                <a:spcPct val="0"/>
              </a:spcBef>
              <a:buNone/>
              <a:tabLst>
                <a:tab pos="270000" algn="l"/>
              </a:tabLst>
              <a:defRPr sz="1000" b="1" kern="1200">
                <a:solidFill>
                  <a:schemeClr val="tx1"/>
                </a:solidFill>
                <a:latin typeface="+mj-lt"/>
                <a:ea typeface="+mj-ea"/>
                <a:cs typeface="+mj-cs"/>
              </a:defRPr>
            </a:lvl1pPr>
          </a:lstStyle>
          <a:p>
            <a:r>
              <a:rPr lang="fr-CH" dirty="0">
                <a:latin typeface="Arial" panose="020B0604020202020204" pitchFamily="34" charset="0"/>
                <a:cs typeface="Arial" panose="020B0604020202020204" pitchFamily="34" charset="0"/>
              </a:rPr>
              <a:t>A.	Contexte procédural</a:t>
            </a:r>
          </a:p>
        </p:txBody>
      </p:sp>
      <p:sp>
        <p:nvSpPr>
          <p:cNvPr id="67" name="Textfeld 66">
            <a:extLst>
              <a:ext uri="{FF2B5EF4-FFF2-40B4-BE49-F238E27FC236}">
                <a16:creationId xmlns:a16="http://schemas.microsoft.com/office/drawing/2014/main" id="{F4E5131A-55F1-F7B8-3AAE-81BA1F092C3D}"/>
              </a:ext>
            </a:extLst>
          </p:cNvPr>
          <p:cNvSpPr txBox="1"/>
          <p:nvPr/>
        </p:nvSpPr>
        <p:spPr>
          <a:xfrm>
            <a:off x="11496600" y="260648"/>
            <a:ext cx="504056" cy="1584176"/>
          </a:xfrm>
          <a:prstGeom prst="rect">
            <a:avLst/>
          </a:prstGeom>
          <a:solidFill>
            <a:schemeClr val="bg1"/>
          </a:solidFill>
        </p:spPr>
        <p:txBody>
          <a:bodyPr wrap="square" lIns="0" tIns="0" rIns="0" bIns="0" rtlCol="0">
            <a:spAutoFit/>
          </a:bodyPr>
          <a:lstStyle/>
          <a:p>
            <a:pPr algn="l"/>
            <a:endParaRPr lang="de-CH" dirty="0" err="1"/>
          </a:p>
        </p:txBody>
      </p:sp>
      <p:grpSp>
        <p:nvGrpSpPr>
          <p:cNvPr id="68" name="corner-down-right">
            <a:extLst>
              <a:ext uri="{FF2B5EF4-FFF2-40B4-BE49-F238E27FC236}">
                <a16:creationId xmlns:a16="http://schemas.microsoft.com/office/drawing/2014/main" id="{98F1E96E-8876-5B70-F7E3-490B2F05F6B4}"/>
              </a:ext>
            </a:extLst>
          </p:cNvPr>
          <p:cNvGrpSpPr>
            <a:grpSpLocks noChangeAspect="1"/>
          </p:cNvGrpSpPr>
          <p:nvPr/>
        </p:nvGrpSpPr>
        <p:grpSpPr>
          <a:xfrm>
            <a:off x="493331" y="4581128"/>
            <a:ext cx="547694" cy="547694"/>
            <a:chOff x="2921000" y="635000"/>
            <a:chExt cx="457200" cy="457200"/>
          </a:xfrm>
        </p:grpSpPr>
        <p:sp>
          <p:nvSpPr>
            <p:cNvPr id="69" name="Freeform: Shape 2">
              <a:extLst>
                <a:ext uri="{FF2B5EF4-FFF2-40B4-BE49-F238E27FC236}">
                  <a16:creationId xmlns:a16="http://schemas.microsoft.com/office/drawing/2014/main" id="{C1430654-6CBF-2F66-A832-42895C27269E}"/>
                </a:ext>
              </a:extLst>
            </p:cNvPr>
            <p:cNvSpPr/>
            <p:nvPr/>
          </p:nvSpPr>
          <p:spPr>
            <a:xfrm>
              <a:off x="3206750" y="825500"/>
              <a:ext cx="95250" cy="190500"/>
            </a:xfrm>
            <a:custGeom>
              <a:avLst/>
              <a:gdLst>
                <a:gd name="connsiteX0" fmla="*/ 0 w 95250"/>
                <a:gd name="connsiteY0" fmla="*/ 0 h 190500"/>
                <a:gd name="connsiteX1" fmla="*/ 95250 w 95250"/>
                <a:gd name="connsiteY1" fmla="*/ 95250 h 190500"/>
                <a:gd name="connsiteX2" fmla="*/ 0 w 95250"/>
                <a:gd name="connsiteY2" fmla="*/ 190500 h 190500"/>
              </a:gdLst>
              <a:ahLst/>
              <a:cxnLst>
                <a:cxn ang="0">
                  <a:pos x="connsiteX0" y="connsiteY0"/>
                </a:cxn>
                <a:cxn ang="0">
                  <a:pos x="connsiteX1" y="connsiteY1"/>
                </a:cxn>
                <a:cxn ang="0">
                  <a:pos x="connsiteX2" y="connsiteY2"/>
                </a:cxn>
              </a:cxnLst>
              <a:rect l="l" t="t" r="r" b="b"/>
              <a:pathLst>
                <a:path w="95250" h="190500">
                  <a:moveTo>
                    <a:pt x="0" y="0"/>
                  </a:moveTo>
                  <a:lnTo>
                    <a:pt x="95250" y="95250"/>
                  </a:lnTo>
                  <a:lnTo>
                    <a:pt x="0" y="190500"/>
                  </a:lnTo>
                </a:path>
              </a:pathLst>
            </a:custGeom>
            <a:noFill/>
            <a:ln w="19050" cap="rnd">
              <a:solidFill>
                <a:schemeClr val="tx1"/>
              </a:solidFill>
              <a:prstDash val="solid"/>
              <a:round/>
            </a:ln>
          </p:spPr>
          <p:txBody>
            <a:bodyPr rtlCol="0" anchor="ctr"/>
            <a:lstStyle/>
            <a:p>
              <a:endParaRPr lang="de-CH"/>
            </a:p>
          </p:txBody>
        </p:sp>
        <p:sp>
          <p:nvSpPr>
            <p:cNvPr id="70" name="Freeform: Shape 3">
              <a:extLst>
                <a:ext uri="{FF2B5EF4-FFF2-40B4-BE49-F238E27FC236}">
                  <a16:creationId xmlns:a16="http://schemas.microsoft.com/office/drawing/2014/main" id="{C6C3DA84-4798-1DDB-D4C9-3D82111E678E}"/>
                </a:ext>
              </a:extLst>
            </p:cNvPr>
            <p:cNvSpPr/>
            <p:nvPr/>
          </p:nvSpPr>
          <p:spPr>
            <a:xfrm>
              <a:off x="2997200" y="711200"/>
              <a:ext cx="304800" cy="209550"/>
            </a:xfrm>
            <a:custGeom>
              <a:avLst/>
              <a:gdLst>
                <a:gd name="connsiteX0" fmla="*/ 0 w 304800"/>
                <a:gd name="connsiteY0" fmla="*/ 0 h 209550"/>
                <a:gd name="connsiteX1" fmla="*/ 0 w 304800"/>
                <a:gd name="connsiteY1" fmla="*/ 133350 h 209550"/>
                <a:gd name="connsiteX2" fmla="*/ 76200 w 304800"/>
                <a:gd name="connsiteY2" fmla="*/ 209550 h 209550"/>
                <a:gd name="connsiteX3" fmla="*/ 304800 w 304800"/>
                <a:gd name="connsiteY3" fmla="*/ 209550 h 209550"/>
              </a:gdLst>
              <a:ahLst/>
              <a:cxnLst>
                <a:cxn ang="0">
                  <a:pos x="connsiteX0" y="connsiteY0"/>
                </a:cxn>
                <a:cxn ang="0">
                  <a:pos x="connsiteX1" y="connsiteY1"/>
                </a:cxn>
                <a:cxn ang="0">
                  <a:pos x="connsiteX2" y="connsiteY2"/>
                </a:cxn>
                <a:cxn ang="0">
                  <a:pos x="connsiteX3" y="connsiteY3"/>
                </a:cxn>
              </a:cxnLst>
              <a:rect l="l" t="t" r="r" b="b"/>
              <a:pathLst>
                <a:path w="304800" h="209550">
                  <a:moveTo>
                    <a:pt x="0" y="0"/>
                  </a:moveTo>
                  <a:lnTo>
                    <a:pt x="0" y="133350"/>
                  </a:lnTo>
                  <a:cubicBezTo>
                    <a:pt x="0" y="175433"/>
                    <a:pt x="34116" y="209550"/>
                    <a:pt x="76200" y="209550"/>
                  </a:cubicBezTo>
                  <a:lnTo>
                    <a:pt x="304800" y="209550"/>
                  </a:lnTo>
                </a:path>
              </a:pathLst>
            </a:custGeom>
            <a:noFill/>
            <a:ln w="19050" cap="rnd">
              <a:solidFill>
                <a:schemeClr val="tx1"/>
              </a:solidFill>
              <a:prstDash val="solid"/>
              <a:round/>
            </a:ln>
          </p:spPr>
          <p:txBody>
            <a:bodyPr rtlCol="0" anchor="ctr"/>
            <a:lstStyle/>
            <a:p>
              <a:endParaRPr lang="de-CH"/>
            </a:p>
          </p:txBody>
        </p:sp>
      </p:grpSp>
      <p:grpSp>
        <p:nvGrpSpPr>
          <p:cNvPr id="71" name="corner-down-right">
            <a:extLst>
              <a:ext uri="{FF2B5EF4-FFF2-40B4-BE49-F238E27FC236}">
                <a16:creationId xmlns:a16="http://schemas.microsoft.com/office/drawing/2014/main" id="{3E142164-07F3-264F-792A-9105F70B09B5}"/>
              </a:ext>
            </a:extLst>
          </p:cNvPr>
          <p:cNvGrpSpPr>
            <a:grpSpLocks noChangeAspect="1"/>
          </p:cNvGrpSpPr>
          <p:nvPr/>
        </p:nvGrpSpPr>
        <p:grpSpPr>
          <a:xfrm>
            <a:off x="4367809" y="3977651"/>
            <a:ext cx="547694" cy="547694"/>
            <a:chOff x="2921000" y="635000"/>
            <a:chExt cx="457200" cy="457200"/>
          </a:xfrm>
        </p:grpSpPr>
        <p:sp>
          <p:nvSpPr>
            <p:cNvPr id="72" name="Freeform: Shape 2">
              <a:extLst>
                <a:ext uri="{FF2B5EF4-FFF2-40B4-BE49-F238E27FC236}">
                  <a16:creationId xmlns:a16="http://schemas.microsoft.com/office/drawing/2014/main" id="{A1B446BB-DE69-1F31-BA8C-7EB58679E2E2}"/>
                </a:ext>
              </a:extLst>
            </p:cNvPr>
            <p:cNvSpPr/>
            <p:nvPr/>
          </p:nvSpPr>
          <p:spPr>
            <a:xfrm>
              <a:off x="3206750" y="825500"/>
              <a:ext cx="95250" cy="190500"/>
            </a:xfrm>
            <a:custGeom>
              <a:avLst/>
              <a:gdLst>
                <a:gd name="connsiteX0" fmla="*/ 0 w 95250"/>
                <a:gd name="connsiteY0" fmla="*/ 0 h 190500"/>
                <a:gd name="connsiteX1" fmla="*/ 95250 w 95250"/>
                <a:gd name="connsiteY1" fmla="*/ 95250 h 190500"/>
                <a:gd name="connsiteX2" fmla="*/ 0 w 95250"/>
                <a:gd name="connsiteY2" fmla="*/ 190500 h 190500"/>
              </a:gdLst>
              <a:ahLst/>
              <a:cxnLst>
                <a:cxn ang="0">
                  <a:pos x="connsiteX0" y="connsiteY0"/>
                </a:cxn>
                <a:cxn ang="0">
                  <a:pos x="connsiteX1" y="connsiteY1"/>
                </a:cxn>
                <a:cxn ang="0">
                  <a:pos x="connsiteX2" y="connsiteY2"/>
                </a:cxn>
              </a:cxnLst>
              <a:rect l="l" t="t" r="r" b="b"/>
              <a:pathLst>
                <a:path w="95250" h="190500">
                  <a:moveTo>
                    <a:pt x="0" y="0"/>
                  </a:moveTo>
                  <a:lnTo>
                    <a:pt x="95250" y="95250"/>
                  </a:lnTo>
                  <a:lnTo>
                    <a:pt x="0" y="190500"/>
                  </a:lnTo>
                </a:path>
              </a:pathLst>
            </a:custGeom>
            <a:noFill/>
            <a:ln w="19050" cap="rnd">
              <a:solidFill>
                <a:schemeClr val="tx1"/>
              </a:solidFill>
              <a:prstDash val="solid"/>
              <a:round/>
            </a:ln>
          </p:spPr>
          <p:txBody>
            <a:bodyPr rtlCol="0" anchor="ctr"/>
            <a:lstStyle/>
            <a:p>
              <a:endParaRPr lang="de-CH"/>
            </a:p>
          </p:txBody>
        </p:sp>
        <p:sp>
          <p:nvSpPr>
            <p:cNvPr id="73" name="Freeform: Shape 3">
              <a:extLst>
                <a:ext uri="{FF2B5EF4-FFF2-40B4-BE49-F238E27FC236}">
                  <a16:creationId xmlns:a16="http://schemas.microsoft.com/office/drawing/2014/main" id="{5079A446-7419-52EA-C0F5-AC687CB718BA}"/>
                </a:ext>
              </a:extLst>
            </p:cNvPr>
            <p:cNvSpPr/>
            <p:nvPr/>
          </p:nvSpPr>
          <p:spPr>
            <a:xfrm>
              <a:off x="2997200" y="711200"/>
              <a:ext cx="304800" cy="209550"/>
            </a:xfrm>
            <a:custGeom>
              <a:avLst/>
              <a:gdLst>
                <a:gd name="connsiteX0" fmla="*/ 0 w 304800"/>
                <a:gd name="connsiteY0" fmla="*/ 0 h 209550"/>
                <a:gd name="connsiteX1" fmla="*/ 0 w 304800"/>
                <a:gd name="connsiteY1" fmla="*/ 133350 h 209550"/>
                <a:gd name="connsiteX2" fmla="*/ 76200 w 304800"/>
                <a:gd name="connsiteY2" fmla="*/ 209550 h 209550"/>
                <a:gd name="connsiteX3" fmla="*/ 304800 w 304800"/>
                <a:gd name="connsiteY3" fmla="*/ 209550 h 209550"/>
              </a:gdLst>
              <a:ahLst/>
              <a:cxnLst>
                <a:cxn ang="0">
                  <a:pos x="connsiteX0" y="connsiteY0"/>
                </a:cxn>
                <a:cxn ang="0">
                  <a:pos x="connsiteX1" y="connsiteY1"/>
                </a:cxn>
                <a:cxn ang="0">
                  <a:pos x="connsiteX2" y="connsiteY2"/>
                </a:cxn>
                <a:cxn ang="0">
                  <a:pos x="connsiteX3" y="connsiteY3"/>
                </a:cxn>
              </a:cxnLst>
              <a:rect l="l" t="t" r="r" b="b"/>
              <a:pathLst>
                <a:path w="304800" h="209550">
                  <a:moveTo>
                    <a:pt x="0" y="0"/>
                  </a:moveTo>
                  <a:lnTo>
                    <a:pt x="0" y="133350"/>
                  </a:lnTo>
                  <a:cubicBezTo>
                    <a:pt x="0" y="175433"/>
                    <a:pt x="34116" y="209550"/>
                    <a:pt x="76200" y="209550"/>
                  </a:cubicBezTo>
                  <a:lnTo>
                    <a:pt x="304800" y="209550"/>
                  </a:lnTo>
                </a:path>
              </a:pathLst>
            </a:custGeom>
            <a:noFill/>
            <a:ln w="19050" cap="rnd">
              <a:solidFill>
                <a:schemeClr val="tx1"/>
              </a:solidFill>
              <a:prstDash val="solid"/>
              <a:round/>
            </a:ln>
          </p:spPr>
          <p:txBody>
            <a:bodyPr rtlCol="0" anchor="ctr"/>
            <a:lstStyle/>
            <a:p>
              <a:endParaRPr lang="de-CH"/>
            </a:p>
          </p:txBody>
        </p:sp>
      </p:grpSp>
    </p:spTree>
    <p:extLst>
      <p:ext uri="{BB962C8B-B14F-4D97-AF65-F5344CB8AC3E}">
        <p14:creationId xmlns:p14="http://schemas.microsoft.com/office/powerpoint/2010/main" val="167875818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6135510A-5F0B-4CCC-BFC2-B43332ECF40D}"/>
              </a:ext>
            </a:extLst>
          </p:cNvPr>
          <p:cNvSpPr>
            <a:spLocks noGrp="1"/>
          </p:cNvSpPr>
          <p:nvPr>
            <p:ph type="title"/>
          </p:nvPr>
        </p:nvSpPr>
        <p:spPr>
          <a:xfrm>
            <a:off x="334963" y="476672"/>
            <a:ext cx="9360000" cy="461982"/>
          </a:xfrm>
        </p:spPr>
        <p:txBody>
          <a:bodyPr/>
          <a:lstStyle/>
          <a:p>
            <a:r>
              <a:rPr lang="fr-CH" dirty="0">
                <a:latin typeface="Arial" panose="020B0604020202020204" pitchFamily="34" charset="0"/>
                <a:cs typeface="Arial" panose="020B0604020202020204" pitchFamily="34" charset="0"/>
              </a:rPr>
              <a:t>B.	Administration des preuves</a:t>
            </a:r>
          </a:p>
        </p:txBody>
      </p:sp>
      <p:sp>
        <p:nvSpPr>
          <p:cNvPr id="12" name="Untertitel 11">
            <a:extLst>
              <a:ext uri="{FF2B5EF4-FFF2-40B4-BE49-F238E27FC236}">
                <a16:creationId xmlns:a16="http://schemas.microsoft.com/office/drawing/2014/main" id="{3E407959-C6D3-4EF4-8591-3650D6C7F497}"/>
              </a:ext>
            </a:extLst>
          </p:cNvPr>
          <p:cNvSpPr>
            <a:spLocks noGrp="1"/>
          </p:cNvSpPr>
          <p:nvPr>
            <p:ph type="subTitle" idx="13"/>
          </p:nvPr>
        </p:nvSpPr>
        <p:spPr/>
        <p:txBody>
          <a:bodyPr/>
          <a:lstStyle/>
          <a:p>
            <a:r>
              <a:rPr lang="fr-CH" dirty="0">
                <a:latin typeface="Arial" panose="020B0604020202020204" pitchFamily="34" charset="0"/>
                <a:cs typeface="Arial" panose="020B0604020202020204" pitchFamily="34" charset="0"/>
              </a:rPr>
              <a:t>I.	Problématique</a:t>
            </a:r>
          </a:p>
        </p:txBody>
      </p:sp>
      <p:sp>
        <p:nvSpPr>
          <p:cNvPr id="13" name="Textplatzhalter 12">
            <a:extLst>
              <a:ext uri="{FF2B5EF4-FFF2-40B4-BE49-F238E27FC236}">
                <a16:creationId xmlns:a16="http://schemas.microsoft.com/office/drawing/2014/main" id="{E38FCC0F-552D-4DC1-A52F-EDD96ABCE085}"/>
              </a:ext>
            </a:extLst>
          </p:cNvPr>
          <p:cNvSpPr>
            <a:spLocks noGrp="1"/>
          </p:cNvSpPr>
          <p:nvPr>
            <p:ph type="body" sz="quarter" idx="15"/>
          </p:nvPr>
        </p:nvSpPr>
        <p:spPr>
          <a:xfrm>
            <a:off x="-1" y="1916113"/>
            <a:ext cx="4523553" cy="4024312"/>
          </a:xfrm>
        </p:spPr>
        <p:txBody>
          <a:bodyPr/>
          <a:lstStyle/>
          <a:p>
            <a:pPr algn="ctr"/>
            <a:endParaRPr lang="fr-CH" sz="1800" b="1" dirty="0">
              <a:latin typeface="Arial" panose="020B0604020202020204" pitchFamily="34" charset="0"/>
              <a:cs typeface="Arial" panose="020B0604020202020204" pitchFamily="34" charset="0"/>
            </a:endParaRPr>
          </a:p>
          <a:p>
            <a:pPr algn="ctr"/>
            <a:endParaRPr lang="fr-CH" sz="1800" b="1" dirty="0">
              <a:latin typeface="Arial" panose="020B0604020202020204" pitchFamily="34" charset="0"/>
              <a:cs typeface="Arial" panose="020B0604020202020204" pitchFamily="34" charset="0"/>
            </a:endParaRPr>
          </a:p>
          <a:p>
            <a:pPr algn="ctr"/>
            <a:r>
              <a:rPr lang="fr-CH" sz="1800" b="1" dirty="0">
                <a:latin typeface="Arial" panose="020B0604020202020204" pitchFamily="34" charset="0"/>
                <a:cs typeface="Arial" panose="020B0604020202020204" pitchFamily="34" charset="0"/>
              </a:rPr>
              <a:t>Point de départ de la problématique :</a:t>
            </a:r>
          </a:p>
          <a:p>
            <a:endParaRPr lang="fr-CH" sz="1800" b="1" dirty="0">
              <a:latin typeface="Arial" panose="020B0604020202020204" pitchFamily="34" charset="0"/>
              <a:cs typeface="Arial" panose="020B0604020202020204" pitchFamily="34" charset="0"/>
            </a:endParaRPr>
          </a:p>
          <a:p>
            <a:endParaRPr lang="fr-CH" sz="1800" b="1" dirty="0">
              <a:latin typeface="Arial" panose="020B0604020202020204" pitchFamily="34" charset="0"/>
              <a:cs typeface="Arial" panose="020B0604020202020204" pitchFamily="34" charset="0"/>
            </a:endParaRPr>
          </a:p>
          <a:p>
            <a:pPr algn="ctr"/>
            <a:r>
              <a:rPr lang="fr-CH" sz="1800" b="1" kern="100" dirty="0">
                <a:effectLst/>
                <a:latin typeface="Arial" panose="020B0604020202020204" pitchFamily="34" charset="0"/>
                <a:ea typeface="Calibri" panose="020F0502020204030204" pitchFamily="34" charset="0"/>
                <a:cs typeface="Arial" panose="020B0604020202020204" pitchFamily="34" charset="0"/>
              </a:rPr>
              <a:t> Application de la maxime des débats</a:t>
            </a:r>
          </a:p>
          <a:p>
            <a:pPr marL="342900" lvl="0" indent="-342900">
              <a:buFont typeface="Symbol" panose="05050102010706020507" pitchFamily="18" charset="2"/>
              <a:buChar char=""/>
            </a:pPr>
            <a:endParaRPr lang="fr-CH" sz="1800" b="1" kern="100" dirty="0">
              <a:effectLst/>
              <a:latin typeface="Arial" panose="020B0604020202020204" pitchFamily="34" charset="0"/>
              <a:ea typeface="Calibri" panose="020F0502020204030204" pitchFamily="34" charset="0"/>
              <a:cs typeface="Arial" panose="020B0604020202020204" pitchFamily="34" charset="0"/>
            </a:endParaRPr>
          </a:p>
          <a:p>
            <a:pPr lvl="0"/>
            <a:r>
              <a:rPr lang="fr-CH" sz="1800" b="1" kern="100" dirty="0">
                <a:effectLst/>
                <a:latin typeface="Arial" panose="020B0604020202020204" pitchFamily="34" charset="0"/>
                <a:ea typeface="Calibri" panose="020F0502020204030204" pitchFamily="34" charset="0"/>
                <a:cs typeface="Arial" panose="020B0604020202020204" pitchFamily="34" charset="0"/>
              </a:rPr>
              <a:t>          </a:t>
            </a:r>
          </a:p>
          <a:p>
            <a:pPr lvl="0" algn="ctr"/>
            <a:r>
              <a:rPr lang="fr-CH" sz="1800" b="1" kern="100" dirty="0">
                <a:effectLst/>
                <a:latin typeface="Arial" panose="020B0604020202020204" pitchFamily="34" charset="0"/>
                <a:ea typeface="Calibri" panose="020F0502020204030204" pitchFamily="34" charset="0"/>
                <a:cs typeface="Arial" panose="020B0604020202020204" pitchFamily="34" charset="0"/>
              </a:rPr>
              <a:t> Administration d’un moyen de preuve</a:t>
            </a:r>
          </a:p>
          <a:p>
            <a:pPr lvl="0"/>
            <a:endParaRPr lang="fr-CH" sz="1800" b="1" kern="100" dirty="0">
              <a:latin typeface="Arial" panose="020B0604020202020204" pitchFamily="34" charset="0"/>
              <a:ea typeface="Calibri" panose="020F0502020204030204" pitchFamily="34" charset="0"/>
              <a:cs typeface="Arial" panose="020B0604020202020204" pitchFamily="34" charset="0"/>
            </a:endParaRPr>
          </a:p>
          <a:p>
            <a:endParaRPr lang="fr-CH" sz="1800" b="1" dirty="0">
              <a:latin typeface="Arial" panose="020B0604020202020204" pitchFamily="34" charset="0"/>
              <a:cs typeface="Arial" panose="020B0604020202020204" pitchFamily="34" charset="0"/>
            </a:endParaRPr>
          </a:p>
        </p:txBody>
      </p:sp>
      <p:sp>
        <p:nvSpPr>
          <p:cNvPr id="6" name="Foliennummernplatzhalter 5">
            <a:extLst>
              <a:ext uri="{FF2B5EF4-FFF2-40B4-BE49-F238E27FC236}">
                <a16:creationId xmlns:a16="http://schemas.microsoft.com/office/drawing/2014/main" id="{7861B9FA-41F6-49C0-A46B-D57D69E5A4FB}"/>
              </a:ext>
            </a:extLst>
          </p:cNvPr>
          <p:cNvSpPr>
            <a:spLocks noGrp="1"/>
          </p:cNvSpPr>
          <p:nvPr>
            <p:ph type="sldNum" sz="quarter" idx="16"/>
          </p:nvPr>
        </p:nvSpPr>
        <p:spPr/>
        <p:txBody>
          <a:bodyPr/>
          <a:lstStyle/>
          <a:p>
            <a:fld id="{0F5BE47B-5B54-4AD9-B1B6-96383882CD99}" type="slidenum">
              <a:rPr lang="fr-CH" smtClean="0">
                <a:latin typeface="Arial" panose="020B0604020202020204" pitchFamily="34" charset="0"/>
                <a:cs typeface="Arial" panose="020B0604020202020204" pitchFamily="34" charset="0"/>
              </a:rPr>
              <a:pPr/>
              <a:t>4</a:t>
            </a:fld>
            <a:endParaRPr lang="fr-CH" dirty="0">
              <a:latin typeface="Arial" panose="020B0604020202020204" pitchFamily="34" charset="0"/>
              <a:cs typeface="Arial" panose="020B0604020202020204" pitchFamily="34" charset="0"/>
            </a:endParaRPr>
          </a:p>
        </p:txBody>
      </p:sp>
      <p:grpSp>
        <p:nvGrpSpPr>
          <p:cNvPr id="17" name="plus-circle">
            <a:extLst>
              <a:ext uri="{FF2B5EF4-FFF2-40B4-BE49-F238E27FC236}">
                <a16:creationId xmlns:a16="http://schemas.microsoft.com/office/drawing/2014/main" id="{D1EA6ECE-0095-A310-8F6A-9C4FC974B98F}"/>
              </a:ext>
            </a:extLst>
          </p:cNvPr>
          <p:cNvGrpSpPr>
            <a:grpSpLocks noChangeAspect="1"/>
          </p:cNvGrpSpPr>
          <p:nvPr/>
        </p:nvGrpSpPr>
        <p:grpSpPr>
          <a:xfrm>
            <a:off x="1961144" y="3933056"/>
            <a:ext cx="451200" cy="451200"/>
            <a:chOff x="5778500" y="2921000"/>
            <a:chExt cx="457200" cy="457200"/>
          </a:xfrm>
          <a:solidFill>
            <a:schemeClr val="accent1"/>
          </a:solidFill>
        </p:grpSpPr>
        <p:sp>
          <p:nvSpPr>
            <p:cNvPr id="18" name="Freeform: Shape 2">
              <a:extLst>
                <a:ext uri="{FF2B5EF4-FFF2-40B4-BE49-F238E27FC236}">
                  <a16:creationId xmlns:a16="http://schemas.microsoft.com/office/drawing/2014/main" id="{1E82AC46-66E3-FDD3-0F01-D92EFB761E2C}"/>
                </a:ext>
              </a:extLst>
            </p:cNvPr>
            <p:cNvSpPr/>
            <p:nvPr/>
          </p:nvSpPr>
          <p:spPr>
            <a:xfrm>
              <a:off x="5816600" y="2959100"/>
              <a:ext cx="381000" cy="381000"/>
            </a:xfrm>
            <a:custGeom>
              <a:avLst/>
              <a:gdLst>
                <a:gd name="connsiteX0" fmla="*/ 381000 w 381000"/>
                <a:gd name="connsiteY0" fmla="*/ 190500 h 381000"/>
                <a:gd name="connsiteX1" fmla="*/ 190500 w 381000"/>
                <a:gd name="connsiteY1" fmla="*/ 381000 h 381000"/>
                <a:gd name="connsiteX2" fmla="*/ 0 w 381000"/>
                <a:gd name="connsiteY2" fmla="*/ 190500 h 381000"/>
                <a:gd name="connsiteX3" fmla="*/ 190500 w 381000"/>
                <a:gd name="connsiteY3" fmla="*/ 0 h 381000"/>
                <a:gd name="connsiteX4" fmla="*/ 381000 w 381000"/>
                <a:gd name="connsiteY4" fmla="*/ 190500 h 381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1000" h="381000">
                  <a:moveTo>
                    <a:pt x="381000" y="190500"/>
                  </a:moveTo>
                  <a:cubicBezTo>
                    <a:pt x="381000" y="295710"/>
                    <a:pt x="295710" y="381000"/>
                    <a:pt x="190500" y="381000"/>
                  </a:cubicBezTo>
                  <a:cubicBezTo>
                    <a:pt x="85290" y="381000"/>
                    <a:pt x="0" y="295710"/>
                    <a:pt x="0" y="190500"/>
                  </a:cubicBezTo>
                  <a:cubicBezTo>
                    <a:pt x="0" y="85290"/>
                    <a:pt x="85290" y="0"/>
                    <a:pt x="190500" y="0"/>
                  </a:cubicBezTo>
                  <a:cubicBezTo>
                    <a:pt x="295710" y="0"/>
                    <a:pt x="381000" y="85290"/>
                    <a:pt x="381000" y="190500"/>
                  </a:cubicBezTo>
                  <a:close/>
                </a:path>
              </a:pathLst>
            </a:custGeom>
            <a:grpFill/>
            <a:ln w="25400" cap="rnd">
              <a:solidFill>
                <a:schemeClr val="tx1"/>
              </a:solidFill>
              <a:prstDash val="solid"/>
              <a:round/>
            </a:ln>
          </p:spPr>
          <p:txBody>
            <a:bodyPr rtlCol="0" anchor="ctr"/>
            <a:lstStyle/>
            <a:p>
              <a:endParaRPr lang="de-CH" b="1" dirty="0">
                <a:latin typeface="Arial" panose="020B0604020202020204" pitchFamily="34" charset="0"/>
                <a:cs typeface="Arial" panose="020B0604020202020204" pitchFamily="34" charset="0"/>
              </a:endParaRPr>
            </a:p>
          </p:txBody>
        </p:sp>
        <p:sp>
          <p:nvSpPr>
            <p:cNvPr id="19" name="Freeform: Shape 3">
              <a:extLst>
                <a:ext uri="{FF2B5EF4-FFF2-40B4-BE49-F238E27FC236}">
                  <a16:creationId xmlns:a16="http://schemas.microsoft.com/office/drawing/2014/main" id="{B7AAFED6-CF6C-D199-2105-D3BEFBB78115}"/>
                </a:ext>
              </a:extLst>
            </p:cNvPr>
            <p:cNvSpPr/>
            <p:nvPr/>
          </p:nvSpPr>
          <p:spPr>
            <a:xfrm>
              <a:off x="6007100" y="3073400"/>
              <a:ext cx="19050" cy="152400"/>
            </a:xfrm>
            <a:custGeom>
              <a:avLst/>
              <a:gdLst>
                <a:gd name="connsiteX0" fmla="*/ 0 w 19050"/>
                <a:gd name="connsiteY0" fmla="*/ 0 h 152400"/>
                <a:gd name="connsiteX1" fmla="*/ 0 w 19050"/>
                <a:gd name="connsiteY1" fmla="*/ 152400 h 152400"/>
              </a:gdLst>
              <a:ahLst/>
              <a:cxnLst>
                <a:cxn ang="0">
                  <a:pos x="connsiteX0" y="connsiteY0"/>
                </a:cxn>
                <a:cxn ang="0">
                  <a:pos x="connsiteX1" y="connsiteY1"/>
                </a:cxn>
              </a:cxnLst>
              <a:rect l="l" t="t" r="r" b="b"/>
              <a:pathLst>
                <a:path w="19050" h="152400">
                  <a:moveTo>
                    <a:pt x="0" y="0"/>
                  </a:moveTo>
                  <a:lnTo>
                    <a:pt x="0" y="152400"/>
                  </a:lnTo>
                </a:path>
              </a:pathLst>
            </a:custGeom>
            <a:grpFill/>
            <a:ln w="25400" cap="rnd">
              <a:solidFill>
                <a:schemeClr val="tx1"/>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sp>
          <p:nvSpPr>
            <p:cNvPr id="20" name="Freeform: Shape 4">
              <a:extLst>
                <a:ext uri="{FF2B5EF4-FFF2-40B4-BE49-F238E27FC236}">
                  <a16:creationId xmlns:a16="http://schemas.microsoft.com/office/drawing/2014/main" id="{4DCF027D-07A0-3DE8-3B06-715CBF0C27F9}"/>
                </a:ext>
              </a:extLst>
            </p:cNvPr>
            <p:cNvSpPr/>
            <p:nvPr/>
          </p:nvSpPr>
          <p:spPr>
            <a:xfrm>
              <a:off x="5930900" y="3149600"/>
              <a:ext cx="152400" cy="19050"/>
            </a:xfrm>
            <a:custGeom>
              <a:avLst/>
              <a:gdLst>
                <a:gd name="connsiteX0" fmla="*/ 0 w 152400"/>
                <a:gd name="connsiteY0" fmla="*/ 0 h 19050"/>
                <a:gd name="connsiteX1" fmla="*/ 152400 w 152400"/>
                <a:gd name="connsiteY1" fmla="*/ 0 h 19050"/>
              </a:gdLst>
              <a:ahLst/>
              <a:cxnLst>
                <a:cxn ang="0">
                  <a:pos x="connsiteX0" y="connsiteY0"/>
                </a:cxn>
                <a:cxn ang="0">
                  <a:pos x="connsiteX1" y="connsiteY1"/>
                </a:cxn>
              </a:cxnLst>
              <a:rect l="l" t="t" r="r" b="b"/>
              <a:pathLst>
                <a:path w="152400" h="19050">
                  <a:moveTo>
                    <a:pt x="0" y="0"/>
                  </a:moveTo>
                  <a:lnTo>
                    <a:pt x="152400" y="0"/>
                  </a:lnTo>
                </a:path>
              </a:pathLst>
            </a:custGeom>
            <a:grpFill/>
            <a:ln w="25400" cap="rnd">
              <a:solidFill>
                <a:schemeClr val="tx1"/>
              </a:solidFill>
              <a:prstDash val="solid"/>
              <a:round/>
            </a:ln>
          </p:spPr>
          <p:txBody>
            <a:bodyPr rtlCol="0" anchor="ctr"/>
            <a:lstStyle/>
            <a:p>
              <a:endParaRPr lang="de-CH" dirty="0">
                <a:latin typeface="Arial" panose="020B0604020202020204" pitchFamily="34" charset="0"/>
                <a:cs typeface="Arial" panose="020B0604020202020204" pitchFamily="34" charset="0"/>
              </a:endParaRPr>
            </a:p>
          </p:txBody>
        </p:sp>
      </p:grpSp>
      <p:cxnSp>
        <p:nvCxnSpPr>
          <p:cNvPr id="25" name="Gerader Verbinder 24">
            <a:extLst>
              <a:ext uri="{FF2B5EF4-FFF2-40B4-BE49-F238E27FC236}">
                <a16:creationId xmlns:a16="http://schemas.microsoft.com/office/drawing/2014/main" id="{3256F87D-CC96-FDC5-B2E9-C6688046FA3D}"/>
              </a:ext>
            </a:extLst>
          </p:cNvPr>
          <p:cNvCxnSpPr>
            <a:cxnSpLocks/>
          </p:cNvCxnSpPr>
          <p:nvPr/>
        </p:nvCxnSpPr>
        <p:spPr>
          <a:xfrm>
            <a:off x="4800937" y="1318484"/>
            <a:ext cx="0" cy="4774812"/>
          </a:xfrm>
          <a:prstGeom prst="line">
            <a:avLst/>
          </a:prstGeom>
          <a:ln w="28575">
            <a:solidFill>
              <a:schemeClr val="tx1"/>
            </a:solidFill>
            <a:headEnd type="none"/>
            <a:tailEnd type="none" w="sm" len="sm"/>
          </a:ln>
        </p:spPr>
        <p:style>
          <a:lnRef idx="1">
            <a:schemeClr val="accent1"/>
          </a:lnRef>
          <a:fillRef idx="0">
            <a:schemeClr val="accent1"/>
          </a:fillRef>
          <a:effectRef idx="0">
            <a:schemeClr val="accent1"/>
          </a:effectRef>
          <a:fontRef idx="minor">
            <a:schemeClr val="tx1"/>
          </a:fontRef>
        </p:style>
      </p:cxnSp>
      <p:sp>
        <p:nvSpPr>
          <p:cNvPr id="32" name="Textfeld 31">
            <a:extLst>
              <a:ext uri="{FF2B5EF4-FFF2-40B4-BE49-F238E27FC236}">
                <a16:creationId xmlns:a16="http://schemas.microsoft.com/office/drawing/2014/main" id="{98E28270-7841-5983-270B-DBE30BA96E97}"/>
              </a:ext>
            </a:extLst>
          </p:cNvPr>
          <p:cNvSpPr txBox="1"/>
          <p:nvPr/>
        </p:nvSpPr>
        <p:spPr>
          <a:xfrm>
            <a:off x="5014963" y="1412776"/>
            <a:ext cx="6098240" cy="1163011"/>
          </a:xfrm>
          <a:prstGeom prst="rect">
            <a:avLst/>
          </a:prstGeom>
          <a:noFill/>
        </p:spPr>
        <p:txBody>
          <a:bodyPr wrap="square">
            <a:spAutoFit/>
          </a:bodyPr>
          <a:lstStyle/>
          <a:p>
            <a:pPr marL="342900" lvl="0" indent="-342900" algn="just">
              <a:lnSpc>
                <a:spcPct val="150000"/>
              </a:lnSpc>
              <a:spcBef>
                <a:spcPts val="400"/>
              </a:spcBef>
              <a:buFont typeface="Symbol" panose="05050102010706020507" pitchFamily="18" charset="2"/>
              <a:buChar char=""/>
            </a:pPr>
            <a:r>
              <a:rPr lang="fr-CH" sz="1600" b="1" kern="100" dirty="0">
                <a:latin typeface="Arial" panose="020B0604020202020204" pitchFamily="34" charset="0"/>
                <a:cs typeface="Arial" panose="020B0604020202020204" pitchFamily="34" charset="0"/>
              </a:rPr>
              <a:t>Faits non allégués par les parties qui sont découverts fortuitement lors de l’administration de preuves,           c’est-à-dire après la clôture de la phase de l’allégation</a:t>
            </a:r>
          </a:p>
        </p:txBody>
      </p:sp>
      <p:sp>
        <p:nvSpPr>
          <p:cNvPr id="34" name="Textfeld 33">
            <a:extLst>
              <a:ext uri="{FF2B5EF4-FFF2-40B4-BE49-F238E27FC236}">
                <a16:creationId xmlns:a16="http://schemas.microsoft.com/office/drawing/2014/main" id="{B7C33269-1205-FD4B-1699-FAFEDE23523C}"/>
              </a:ext>
            </a:extLst>
          </p:cNvPr>
          <p:cNvSpPr txBox="1"/>
          <p:nvPr/>
        </p:nvSpPr>
        <p:spPr>
          <a:xfrm>
            <a:off x="5375924" y="2854620"/>
            <a:ext cx="6499928" cy="1163011"/>
          </a:xfrm>
          <a:prstGeom prst="rect">
            <a:avLst/>
          </a:prstGeom>
          <a:noFill/>
        </p:spPr>
        <p:txBody>
          <a:bodyPr wrap="square">
            <a:spAutoFit/>
          </a:bodyPr>
          <a:lstStyle/>
          <a:p>
            <a:pPr marL="342900" lvl="2" indent="-342900" algn="just">
              <a:lnSpc>
                <a:spcPct val="150000"/>
              </a:lnSpc>
              <a:spcBef>
                <a:spcPts val="400"/>
              </a:spcBef>
              <a:buFont typeface="Symbol" panose="05050102010706020507" pitchFamily="18" charset="2"/>
              <a:buChar char=""/>
            </a:pPr>
            <a:r>
              <a:rPr lang="fr-CH" sz="1600" b="1" kern="100" dirty="0">
                <a:latin typeface="Arial" panose="020B0604020202020204" pitchFamily="34" charset="0"/>
                <a:cs typeface="Arial" panose="020B0604020202020204" pitchFamily="34" charset="0"/>
              </a:rPr>
              <a:t>L’objet de la preuve porte exclusivement sur des faits pertinents se rattachant à des allégués qui eux-mêmes satisfont aux exigences de motivation applicables</a:t>
            </a:r>
          </a:p>
        </p:txBody>
      </p:sp>
      <p:sp>
        <p:nvSpPr>
          <p:cNvPr id="36" name="Textfeld 35">
            <a:extLst>
              <a:ext uri="{FF2B5EF4-FFF2-40B4-BE49-F238E27FC236}">
                <a16:creationId xmlns:a16="http://schemas.microsoft.com/office/drawing/2014/main" id="{1AD64CB6-3252-8E84-DB3D-744A19C207A0}"/>
              </a:ext>
            </a:extLst>
          </p:cNvPr>
          <p:cNvSpPr txBox="1"/>
          <p:nvPr/>
        </p:nvSpPr>
        <p:spPr>
          <a:xfrm>
            <a:off x="5735961" y="4300687"/>
            <a:ext cx="6121075" cy="1532343"/>
          </a:xfrm>
          <a:prstGeom prst="rect">
            <a:avLst/>
          </a:prstGeom>
          <a:noFill/>
        </p:spPr>
        <p:txBody>
          <a:bodyPr wrap="square">
            <a:spAutoFit/>
          </a:bodyPr>
          <a:lstStyle/>
          <a:p>
            <a:pPr marL="342900" indent="-342900" algn="just">
              <a:lnSpc>
                <a:spcPct val="150000"/>
              </a:lnSpc>
              <a:spcBef>
                <a:spcPts val="400"/>
              </a:spcBef>
              <a:buFont typeface="Symbol" panose="05050102010706020507" pitchFamily="18" charset="2"/>
              <a:buChar char=""/>
            </a:pPr>
            <a:r>
              <a:rPr lang="fr-CH" sz="1600" b="1" kern="100" dirty="0">
                <a:latin typeface="Arial" panose="020B0604020202020204" pitchFamily="34" charset="0"/>
                <a:cs typeface="Arial" panose="020B0604020202020204" pitchFamily="34" charset="0"/>
              </a:rPr>
              <a:t>La problématique des faits exorbitants (au sens propre) ne peut se poser que lorsqu’un moyen de preuve révèle un fait différent de celui qu’il était amené à prouver initialement</a:t>
            </a:r>
          </a:p>
        </p:txBody>
      </p:sp>
      <p:sp>
        <p:nvSpPr>
          <p:cNvPr id="26" name="Rechteck 25">
            <a:extLst>
              <a:ext uri="{FF2B5EF4-FFF2-40B4-BE49-F238E27FC236}">
                <a16:creationId xmlns:a16="http://schemas.microsoft.com/office/drawing/2014/main" id="{8E55033E-7B48-0E9E-A919-526A2D3C7292}"/>
              </a:ext>
            </a:extLst>
          </p:cNvPr>
          <p:cNvSpPr/>
          <p:nvPr/>
        </p:nvSpPr>
        <p:spPr>
          <a:xfrm>
            <a:off x="119352" y="3356992"/>
            <a:ext cx="4320464" cy="1591767"/>
          </a:xfrm>
          <a:prstGeom prst="rect">
            <a:avLst/>
          </a:prstGeom>
          <a:noFill/>
          <a:ln w="19050">
            <a:solidFill>
              <a:schemeClr val="accent3">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sz="1200" dirty="0" err="1">
              <a:solidFill>
                <a:schemeClr val="tx1"/>
              </a:solidFill>
              <a:latin typeface="Arial" panose="020B0604020202020204" pitchFamily="34" charset="0"/>
              <a:cs typeface="Arial" panose="020B0604020202020204" pitchFamily="34" charset="0"/>
            </a:endParaRPr>
          </a:p>
        </p:txBody>
      </p:sp>
      <p:grpSp>
        <p:nvGrpSpPr>
          <p:cNvPr id="35" name="unlock">
            <a:extLst>
              <a:ext uri="{FF2B5EF4-FFF2-40B4-BE49-F238E27FC236}">
                <a16:creationId xmlns:a16="http://schemas.microsoft.com/office/drawing/2014/main" id="{53DD68BB-CB3C-ACE5-B703-A78481595985}"/>
              </a:ext>
            </a:extLst>
          </p:cNvPr>
          <p:cNvGrpSpPr>
            <a:grpSpLocks noChangeAspect="1"/>
          </p:cNvGrpSpPr>
          <p:nvPr/>
        </p:nvGrpSpPr>
        <p:grpSpPr>
          <a:xfrm>
            <a:off x="1736744" y="1529073"/>
            <a:ext cx="900000" cy="900000"/>
            <a:chOff x="63500" y="4635500"/>
            <a:chExt cx="457200" cy="457200"/>
          </a:xfrm>
        </p:grpSpPr>
        <p:sp>
          <p:nvSpPr>
            <p:cNvPr id="37" name="Freeform: Shape 2">
              <a:extLst>
                <a:ext uri="{FF2B5EF4-FFF2-40B4-BE49-F238E27FC236}">
                  <a16:creationId xmlns:a16="http://schemas.microsoft.com/office/drawing/2014/main" id="{8687F8CF-31F6-D91A-C88F-1EDB8C412335}"/>
                </a:ext>
              </a:extLst>
            </p:cNvPr>
            <p:cNvSpPr/>
            <p:nvPr/>
          </p:nvSpPr>
          <p:spPr>
            <a:xfrm>
              <a:off x="120650" y="4845050"/>
              <a:ext cx="342900" cy="209550"/>
            </a:xfrm>
            <a:custGeom>
              <a:avLst/>
              <a:gdLst>
                <a:gd name="connsiteX0" fmla="*/ 304800 w 342900"/>
                <a:gd name="connsiteY0" fmla="*/ 0 h 209550"/>
                <a:gd name="connsiteX1" fmla="*/ 342900 w 342900"/>
                <a:gd name="connsiteY1" fmla="*/ 38100 h 209550"/>
                <a:gd name="connsiteX2" fmla="*/ 342900 w 342900"/>
                <a:gd name="connsiteY2" fmla="*/ 171450 h 209550"/>
                <a:gd name="connsiteX3" fmla="*/ 304800 w 342900"/>
                <a:gd name="connsiteY3" fmla="*/ 209550 h 209550"/>
                <a:gd name="connsiteX4" fmla="*/ 38100 w 342900"/>
                <a:gd name="connsiteY4" fmla="*/ 209550 h 209550"/>
                <a:gd name="connsiteX5" fmla="*/ 0 w 342900"/>
                <a:gd name="connsiteY5" fmla="*/ 171450 h 209550"/>
                <a:gd name="connsiteX6" fmla="*/ 0 w 342900"/>
                <a:gd name="connsiteY6" fmla="*/ 38100 h 209550"/>
                <a:gd name="connsiteX7" fmla="*/ 38100 w 342900"/>
                <a:gd name="connsiteY7" fmla="*/ 0 h 2095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2900" h="209550">
                  <a:moveTo>
                    <a:pt x="304800" y="0"/>
                  </a:moveTo>
                  <a:cubicBezTo>
                    <a:pt x="325842" y="0"/>
                    <a:pt x="342900" y="17058"/>
                    <a:pt x="342900" y="38100"/>
                  </a:cubicBezTo>
                  <a:lnTo>
                    <a:pt x="342900" y="171450"/>
                  </a:lnTo>
                  <a:cubicBezTo>
                    <a:pt x="342900" y="192492"/>
                    <a:pt x="325842" y="209550"/>
                    <a:pt x="304800" y="209550"/>
                  </a:cubicBezTo>
                  <a:lnTo>
                    <a:pt x="38100" y="209550"/>
                  </a:lnTo>
                  <a:cubicBezTo>
                    <a:pt x="17058" y="209550"/>
                    <a:pt x="0" y="192492"/>
                    <a:pt x="0" y="171450"/>
                  </a:cubicBezTo>
                  <a:lnTo>
                    <a:pt x="0" y="38100"/>
                  </a:lnTo>
                  <a:cubicBezTo>
                    <a:pt x="0" y="17058"/>
                    <a:pt x="17058" y="0"/>
                    <a:pt x="38100" y="0"/>
                  </a:cubicBezTo>
                  <a:close/>
                </a:path>
              </a:pathLst>
            </a:custGeom>
            <a:noFill/>
            <a:ln w="12700" cap="rnd">
              <a:solidFill>
                <a:schemeClr val="tx1"/>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sp>
          <p:nvSpPr>
            <p:cNvPr id="39" name="Freeform: Shape 3">
              <a:extLst>
                <a:ext uri="{FF2B5EF4-FFF2-40B4-BE49-F238E27FC236}">
                  <a16:creationId xmlns:a16="http://schemas.microsoft.com/office/drawing/2014/main" id="{A62027F9-7AAC-FC6F-4DC3-A4438CCF1DEF}"/>
                </a:ext>
              </a:extLst>
            </p:cNvPr>
            <p:cNvSpPr/>
            <p:nvPr/>
          </p:nvSpPr>
          <p:spPr>
            <a:xfrm>
              <a:off x="196849" y="4673504"/>
              <a:ext cx="188595" cy="171545"/>
            </a:xfrm>
            <a:custGeom>
              <a:avLst/>
              <a:gdLst>
                <a:gd name="connsiteX0" fmla="*/ 0 w 188595"/>
                <a:gd name="connsiteY0" fmla="*/ 171546 h 171545"/>
                <a:gd name="connsiteX1" fmla="*/ 0 w 188595"/>
                <a:gd name="connsiteY1" fmla="*/ 95346 h 171545"/>
                <a:gd name="connsiteX2" fmla="*/ 95155 w 188595"/>
                <a:gd name="connsiteY2" fmla="*/ 0 h 171545"/>
                <a:gd name="connsiteX3" fmla="*/ 188595 w 188595"/>
                <a:gd name="connsiteY3" fmla="*/ 76296 h 171545"/>
              </a:gdLst>
              <a:ahLst/>
              <a:cxnLst>
                <a:cxn ang="0">
                  <a:pos x="connsiteX0" y="connsiteY0"/>
                </a:cxn>
                <a:cxn ang="0">
                  <a:pos x="connsiteX1" y="connsiteY1"/>
                </a:cxn>
                <a:cxn ang="0">
                  <a:pos x="connsiteX2" y="connsiteY2"/>
                </a:cxn>
                <a:cxn ang="0">
                  <a:pos x="connsiteX3" y="connsiteY3"/>
                </a:cxn>
              </a:cxnLst>
              <a:rect l="l" t="t" r="r" b="b"/>
              <a:pathLst>
                <a:path w="188595" h="171545">
                  <a:moveTo>
                    <a:pt x="0" y="171546"/>
                  </a:moveTo>
                  <a:lnTo>
                    <a:pt x="0" y="95346"/>
                  </a:lnTo>
                  <a:cubicBezTo>
                    <a:pt x="-53" y="42741"/>
                    <a:pt x="42549" y="53"/>
                    <a:pt x="95155" y="0"/>
                  </a:cubicBezTo>
                  <a:cubicBezTo>
                    <a:pt x="140488" y="-45"/>
                    <a:pt x="179573" y="31868"/>
                    <a:pt x="188595" y="76296"/>
                  </a:cubicBezTo>
                </a:path>
              </a:pathLst>
            </a:custGeom>
            <a:noFill/>
            <a:ln w="12700" cap="rnd">
              <a:solidFill>
                <a:schemeClr val="tx1"/>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grpSp>
      <p:cxnSp>
        <p:nvCxnSpPr>
          <p:cNvPr id="41" name="Gerader Verbinder 40">
            <a:extLst>
              <a:ext uri="{FF2B5EF4-FFF2-40B4-BE49-F238E27FC236}">
                <a16:creationId xmlns:a16="http://schemas.microsoft.com/office/drawing/2014/main" id="{569FB78C-775D-12AF-D031-2C58AF9DEEF1}"/>
              </a:ext>
            </a:extLst>
          </p:cNvPr>
          <p:cNvCxnSpPr/>
          <p:nvPr/>
        </p:nvCxnSpPr>
        <p:spPr>
          <a:xfrm>
            <a:off x="4800937" y="6093296"/>
            <a:ext cx="7074915" cy="0"/>
          </a:xfrm>
          <a:prstGeom prst="line">
            <a:avLst/>
          </a:prstGeom>
          <a:ln w="28575">
            <a:solidFill>
              <a:schemeClr val="tx1"/>
            </a:solidFill>
            <a:headEnd type="none"/>
            <a:tailEnd type="none" w="sm" len="sm"/>
          </a:ln>
        </p:spPr>
        <p:style>
          <a:lnRef idx="1">
            <a:schemeClr val="accent1"/>
          </a:lnRef>
          <a:fillRef idx="0">
            <a:schemeClr val="accent1"/>
          </a:fillRef>
          <a:effectRef idx="0">
            <a:schemeClr val="accent1"/>
          </a:effectRef>
          <a:fontRef idx="minor">
            <a:schemeClr val="tx1"/>
          </a:fontRef>
        </p:style>
      </p:cxnSp>
      <p:sp>
        <p:nvSpPr>
          <p:cNvPr id="2" name="Textfeld 1">
            <a:extLst>
              <a:ext uri="{FF2B5EF4-FFF2-40B4-BE49-F238E27FC236}">
                <a16:creationId xmlns:a16="http://schemas.microsoft.com/office/drawing/2014/main" id="{6EA9B649-3558-9A1C-9F99-3E6F871313B9}"/>
              </a:ext>
            </a:extLst>
          </p:cNvPr>
          <p:cNvSpPr txBox="1"/>
          <p:nvPr/>
        </p:nvSpPr>
        <p:spPr>
          <a:xfrm>
            <a:off x="11496600" y="260648"/>
            <a:ext cx="504056" cy="1584176"/>
          </a:xfrm>
          <a:prstGeom prst="rect">
            <a:avLst/>
          </a:prstGeom>
          <a:solidFill>
            <a:schemeClr val="bg1"/>
          </a:solidFill>
        </p:spPr>
        <p:txBody>
          <a:bodyPr wrap="square" lIns="0" tIns="0" rIns="0" bIns="0" rtlCol="0">
            <a:spAutoFit/>
          </a:bodyPr>
          <a:lstStyle/>
          <a:p>
            <a:pPr algn="l"/>
            <a:endParaRPr lang="de-CH" dirty="0" err="1"/>
          </a:p>
        </p:txBody>
      </p:sp>
    </p:spTree>
    <p:custDataLst>
      <p:custData r:id="rId1"/>
      <p:custData r:id="rId2"/>
    </p:custDataLst>
    <p:extLst>
      <p:ext uri="{BB962C8B-B14F-4D97-AF65-F5344CB8AC3E}">
        <p14:creationId xmlns:p14="http://schemas.microsoft.com/office/powerpoint/2010/main" val="313537163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el 8">
            <a:extLst>
              <a:ext uri="{FF2B5EF4-FFF2-40B4-BE49-F238E27FC236}">
                <a16:creationId xmlns:a16="http://schemas.microsoft.com/office/drawing/2014/main" id="{6135510A-5F0B-4CCC-BFC2-B43332ECF40D}"/>
              </a:ext>
            </a:extLst>
          </p:cNvPr>
          <p:cNvSpPr>
            <a:spLocks noGrp="1"/>
          </p:cNvSpPr>
          <p:nvPr>
            <p:ph type="title"/>
          </p:nvPr>
        </p:nvSpPr>
        <p:spPr>
          <a:xfrm>
            <a:off x="334963" y="476672"/>
            <a:ext cx="9360000" cy="461982"/>
          </a:xfrm>
        </p:spPr>
        <p:txBody>
          <a:bodyPr/>
          <a:lstStyle/>
          <a:p>
            <a:r>
              <a:rPr lang="fr-CH" dirty="0">
                <a:latin typeface="Arial" panose="020B0604020202020204" pitchFamily="34" charset="0"/>
                <a:cs typeface="Arial" panose="020B0604020202020204" pitchFamily="34" charset="0"/>
              </a:rPr>
              <a:t>C.	Rôle du tribunal</a:t>
            </a:r>
          </a:p>
        </p:txBody>
      </p:sp>
      <p:sp>
        <p:nvSpPr>
          <p:cNvPr id="10" name="Inhaltsplatzhalter 9">
            <a:extLst>
              <a:ext uri="{FF2B5EF4-FFF2-40B4-BE49-F238E27FC236}">
                <a16:creationId xmlns:a16="http://schemas.microsoft.com/office/drawing/2014/main" id="{F0BE7733-90E1-4665-853F-B5AB58229E49}"/>
              </a:ext>
            </a:extLst>
          </p:cNvPr>
          <p:cNvSpPr>
            <a:spLocks noGrp="1"/>
          </p:cNvSpPr>
          <p:nvPr>
            <p:ph sz="half" idx="2"/>
          </p:nvPr>
        </p:nvSpPr>
        <p:spPr>
          <a:xfrm>
            <a:off x="5014963" y="1411565"/>
            <a:ext cx="6625653" cy="5113779"/>
          </a:xfrm>
        </p:spPr>
        <p:txBody>
          <a:bodyPr/>
          <a:lstStyle/>
          <a:p>
            <a:pPr marL="342900" lvl="0" indent="-342900" algn="just">
              <a:lnSpc>
                <a:spcPct val="150000"/>
              </a:lnSpc>
              <a:buFont typeface="Symbol" panose="05050102010706020507" pitchFamily="18" charset="2"/>
              <a:buChar char=""/>
            </a:pPr>
            <a:r>
              <a:rPr lang="fr-CH" sz="1600" b="1" kern="100" dirty="0">
                <a:effectLst/>
                <a:latin typeface="Arial" panose="020B0604020202020204" pitchFamily="34" charset="0"/>
                <a:ea typeface="Calibri" panose="020F0502020204030204" pitchFamily="34" charset="0"/>
                <a:cs typeface="Arial" panose="020B0604020202020204" pitchFamily="34" charset="0"/>
              </a:rPr>
              <a:t>L’irruption de faits exorbitants n’est pas un phénomène marginal</a:t>
            </a:r>
          </a:p>
          <a:p>
            <a:pPr marL="342900" lvl="0" indent="-342900" algn="just">
              <a:lnSpc>
                <a:spcPct val="150000"/>
              </a:lnSpc>
              <a:buFont typeface="Symbol" panose="05050102010706020507" pitchFamily="18" charset="2"/>
              <a:buChar char=""/>
            </a:pPr>
            <a:r>
              <a:rPr lang="fr-CH" sz="1600" b="1" kern="100" dirty="0">
                <a:effectLst/>
                <a:latin typeface="Arial" panose="020B0604020202020204" pitchFamily="34" charset="0"/>
                <a:ea typeface="Calibri" panose="020F0502020204030204" pitchFamily="34" charset="0"/>
                <a:cs typeface="Arial" panose="020B0604020202020204" pitchFamily="34" charset="0"/>
              </a:rPr>
              <a:t>L’émergence de tels faits dans le procès est parfois inévitable</a:t>
            </a:r>
          </a:p>
          <a:p>
            <a:pPr marL="342900" lvl="0" indent="-342900" algn="just">
              <a:lnSpc>
                <a:spcPct val="150000"/>
              </a:lnSpc>
              <a:buFont typeface="Symbol" panose="05050102010706020507" pitchFamily="18" charset="2"/>
              <a:buChar char=""/>
            </a:pPr>
            <a:r>
              <a:rPr lang="fr-CH" sz="1600" b="1" kern="100" dirty="0">
                <a:effectLst/>
                <a:latin typeface="Arial" panose="020B0604020202020204" pitchFamily="34" charset="0"/>
                <a:ea typeface="Calibri" panose="020F0502020204030204" pitchFamily="34" charset="0"/>
                <a:cs typeface="Arial" panose="020B0604020202020204" pitchFamily="34" charset="0"/>
              </a:rPr>
              <a:t>Le tribunal doit instruire la cause de manière utile et réfléchie afin d'éviter la survenance de faits exorbitants dans les procès soumis à la maxime des débats</a:t>
            </a:r>
          </a:p>
          <a:p>
            <a:pPr marL="342900" lvl="0" indent="-342900" algn="just">
              <a:lnSpc>
                <a:spcPct val="150000"/>
              </a:lnSpc>
              <a:buFont typeface="Symbol" panose="05050102010706020507" pitchFamily="18" charset="2"/>
              <a:buChar char=""/>
            </a:pPr>
            <a:r>
              <a:rPr lang="fr-CH" sz="1600" b="1" kern="100" dirty="0">
                <a:effectLst/>
                <a:latin typeface="Arial" panose="020B0604020202020204" pitchFamily="34" charset="0"/>
                <a:ea typeface="Calibri" panose="020F0502020204030204" pitchFamily="34" charset="0"/>
                <a:cs typeface="Arial" panose="020B0604020202020204" pitchFamily="34" charset="0"/>
              </a:rPr>
              <a:t>La marge de manœuvre du tribunal est variable selon le moyen de preuve concerné</a:t>
            </a:r>
          </a:p>
          <a:p>
            <a:pPr marL="0" lvl="0" indent="0">
              <a:buNone/>
            </a:pPr>
            <a:endParaRPr lang="fr-CH" sz="1400" b="1" kern="100" dirty="0">
              <a:effectLst/>
              <a:latin typeface="Arial" panose="020B0604020202020204" pitchFamily="34" charset="0"/>
              <a:ea typeface="Calibri" panose="020F0502020204030204" pitchFamily="34" charset="0"/>
              <a:cs typeface="Arial" panose="020B0604020202020204" pitchFamily="34" charset="0"/>
            </a:endParaRPr>
          </a:p>
          <a:p>
            <a:pPr marL="360363" lvl="1" indent="0">
              <a:buNone/>
            </a:pPr>
            <a:r>
              <a:rPr lang="fr-CH" sz="1400" b="1" kern="100" dirty="0">
                <a:effectLst/>
                <a:latin typeface="Arial" panose="020B0604020202020204" pitchFamily="34" charset="0"/>
                <a:ea typeface="Calibri" panose="020F0502020204030204" pitchFamily="34" charset="0"/>
                <a:cs typeface="Arial" panose="020B0604020202020204" pitchFamily="34" charset="0"/>
              </a:rPr>
              <a:t>	Expertise judiciaire </a:t>
            </a:r>
          </a:p>
          <a:p>
            <a:pPr marL="630238" lvl="1" indent="-269875">
              <a:buFont typeface="Symbol" panose="05050102010706020507" pitchFamily="18" charset="2"/>
              <a:buChar char="-"/>
            </a:pPr>
            <a:endParaRPr lang="fr-CH" sz="1400" b="1" kern="100" dirty="0">
              <a:effectLst/>
              <a:latin typeface="Arial" panose="020B0604020202020204" pitchFamily="34" charset="0"/>
              <a:ea typeface="Calibri" panose="020F0502020204030204" pitchFamily="34" charset="0"/>
              <a:cs typeface="Arial" panose="020B0604020202020204" pitchFamily="34" charset="0"/>
            </a:endParaRPr>
          </a:p>
          <a:p>
            <a:pPr marL="360363" lvl="1" indent="0">
              <a:buNone/>
            </a:pPr>
            <a:r>
              <a:rPr lang="fr-CH" sz="1400" b="1" kern="100" dirty="0">
                <a:effectLst/>
                <a:latin typeface="Arial" panose="020B0604020202020204" pitchFamily="34" charset="0"/>
                <a:ea typeface="Calibri" panose="020F0502020204030204" pitchFamily="34" charset="0"/>
                <a:cs typeface="Arial" panose="020B0604020202020204" pitchFamily="34" charset="0"/>
              </a:rPr>
              <a:t>	Témoignage / Interrogatoire de partie</a:t>
            </a:r>
          </a:p>
          <a:p>
            <a:pPr marL="360363" lvl="1" indent="0">
              <a:buNone/>
            </a:pPr>
            <a:endParaRPr lang="fr-CH" sz="1400" b="1" kern="100" dirty="0">
              <a:effectLst/>
              <a:latin typeface="Arial" panose="020B0604020202020204" pitchFamily="34" charset="0"/>
              <a:ea typeface="Calibri" panose="020F0502020204030204" pitchFamily="34" charset="0"/>
              <a:cs typeface="Arial" panose="020B0604020202020204" pitchFamily="34" charset="0"/>
            </a:endParaRPr>
          </a:p>
          <a:p>
            <a:pPr marL="360363" lvl="1" indent="0">
              <a:buNone/>
            </a:pPr>
            <a:r>
              <a:rPr lang="fr-CH" sz="1400" b="1" kern="100" dirty="0">
                <a:effectLst/>
                <a:latin typeface="Arial" panose="020B0604020202020204" pitchFamily="34" charset="0"/>
                <a:ea typeface="Calibri" panose="020F0502020204030204" pitchFamily="34" charset="0"/>
                <a:cs typeface="Arial" panose="020B0604020202020204" pitchFamily="34" charset="0"/>
              </a:rPr>
              <a:t>	Titres / Inspection</a:t>
            </a:r>
          </a:p>
          <a:p>
            <a:pPr marL="630238" lvl="1" indent="-269875">
              <a:buFont typeface="Symbol" panose="05050102010706020507" pitchFamily="18" charset="2"/>
              <a:buChar char="-"/>
            </a:pPr>
            <a:endParaRPr lang="fr-CH" sz="1400" b="1" kern="100" dirty="0">
              <a:effectLst/>
              <a:latin typeface="Arial" panose="020B0604020202020204" pitchFamily="34" charset="0"/>
              <a:ea typeface="Calibri" panose="020F0502020204030204" pitchFamily="34" charset="0"/>
              <a:cs typeface="Arial" panose="020B0604020202020204" pitchFamily="34" charset="0"/>
            </a:endParaRPr>
          </a:p>
          <a:p>
            <a:pPr marL="0" indent="0">
              <a:buNone/>
            </a:pPr>
            <a:endParaRPr lang="fr-CH" sz="1200" b="1" kern="100" dirty="0">
              <a:effectLst/>
              <a:latin typeface="Arial" panose="020B0604020202020204" pitchFamily="34" charset="0"/>
              <a:ea typeface="Calibri" panose="020F0502020204030204" pitchFamily="34" charset="0"/>
              <a:cs typeface="Arial" panose="020B0604020202020204" pitchFamily="34" charset="0"/>
            </a:endParaRPr>
          </a:p>
        </p:txBody>
      </p:sp>
      <p:sp>
        <p:nvSpPr>
          <p:cNvPr id="12" name="Untertitel 11">
            <a:extLst>
              <a:ext uri="{FF2B5EF4-FFF2-40B4-BE49-F238E27FC236}">
                <a16:creationId xmlns:a16="http://schemas.microsoft.com/office/drawing/2014/main" id="{3E407959-C6D3-4EF4-8591-3650D6C7F497}"/>
              </a:ext>
            </a:extLst>
          </p:cNvPr>
          <p:cNvSpPr>
            <a:spLocks noGrp="1"/>
          </p:cNvSpPr>
          <p:nvPr>
            <p:ph type="subTitle" idx="13"/>
          </p:nvPr>
        </p:nvSpPr>
        <p:spPr/>
        <p:txBody>
          <a:bodyPr/>
          <a:lstStyle/>
          <a:p>
            <a:r>
              <a:rPr lang="fr-CH" dirty="0">
                <a:latin typeface="Arial" panose="020B0604020202020204" pitchFamily="34" charset="0"/>
                <a:cs typeface="Arial" panose="020B0604020202020204" pitchFamily="34" charset="0"/>
              </a:rPr>
              <a:t>I.	Problématique</a:t>
            </a:r>
          </a:p>
        </p:txBody>
      </p:sp>
      <p:sp>
        <p:nvSpPr>
          <p:cNvPr id="13" name="Textplatzhalter 12">
            <a:extLst>
              <a:ext uri="{FF2B5EF4-FFF2-40B4-BE49-F238E27FC236}">
                <a16:creationId xmlns:a16="http://schemas.microsoft.com/office/drawing/2014/main" id="{E38FCC0F-552D-4DC1-A52F-EDD96ABCE085}"/>
              </a:ext>
            </a:extLst>
          </p:cNvPr>
          <p:cNvSpPr>
            <a:spLocks noGrp="1"/>
          </p:cNvSpPr>
          <p:nvPr>
            <p:ph type="body" sz="quarter" idx="15"/>
          </p:nvPr>
        </p:nvSpPr>
        <p:spPr/>
        <p:txBody>
          <a:bodyPr/>
          <a:lstStyle/>
          <a:p>
            <a:r>
              <a:rPr lang="fr-CH" b="1" dirty="0">
                <a:latin typeface="Arial" panose="020B0604020202020204" pitchFamily="34" charset="0"/>
                <a:cs typeface="Arial" panose="020B0604020202020204" pitchFamily="34" charset="0"/>
              </a:rPr>
              <a:t>Rôle du tribunal</a:t>
            </a:r>
          </a:p>
        </p:txBody>
      </p:sp>
      <p:sp>
        <p:nvSpPr>
          <p:cNvPr id="6" name="Foliennummernplatzhalter 5">
            <a:extLst>
              <a:ext uri="{FF2B5EF4-FFF2-40B4-BE49-F238E27FC236}">
                <a16:creationId xmlns:a16="http://schemas.microsoft.com/office/drawing/2014/main" id="{7861B9FA-41F6-49C0-A46B-D57D69E5A4FB}"/>
              </a:ext>
            </a:extLst>
          </p:cNvPr>
          <p:cNvSpPr>
            <a:spLocks noGrp="1"/>
          </p:cNvSpPr>
          <p:nvPr>
            <p:ph type="sldNum" sz="quarter" idx="16"/>
          </p:nvPr>
        </p:nvSpPr>
        <p:spPr/>
        <p:txBody>
          <a:bodyPr/>
          <a:lstStyle/>
          <a:p>
            <a:fld id="{0F5BE47B-5B54-4AD9-B1B6-96383882CD99}" type="slidenum">
              <a:rPr lang="fr-CH" smtClean="0">
                <a:latin typeface="Arial" panose="020B0604020202020204" pitchFamily="34" charset="0"/>
                <a:cs typeface="Arial" panose="020B0604020202020204" pitchFamily="34" charset="0"/>
              </a:rPr>
              <a:pPr/>
              <a:t>5</a:t>
            </a:fld>
            <a:endParaRPr lang="fr-CH" dirty="0">
              <a:latin typeface="Arial" panose="020B0604020202020204" pitchFamily="34" charset="0"/>
              <a:cs typeface="Arial" panose="020B0604020202020204" pitchFamily="34" charset="0"/>
            </a:endParaRPr>
          </a:p>
        </p:txBody>
      </p:sp>
      <p:pic>
        <p:nvPicPr>
          <p:cNvPr id="4" name="Grafik 3">
            <a:extLst>
              <a:ext uri="{FF2B5EF4-FFF2-40B4-BE49-F238E27FC236}">
                <a16:creationId xmlns:a16="http://schemas.microsoft.com/office/drawing/2014/main" id="{3385ED31-01F6-2928-9128-35DED0AC7E6C}"/>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456420" y="4435901"/>
            <a:ext cx="136441" cy="361251"/>
          </a:xfrm>
          <a:prstGeom prst="rect">
            <a:avLst/>
          </a:prstGeom>
        </p:spPr>
      </p:pic>
      <p:pic>
        <p:nvPicPr>
          <p:cNvPr id="11" name="Grafik 10">
            <a:extLst>
              <a:ext uri="{FF2B5EF4-FFF2-40B4-BE49-F238E27FC236}">
                <a16:creationId xmlns:a16="http://schemas.microsoft.com/office/drawing/2014/main" id="{E279524D-B6BD-EB37-11BF-6EFFA99CBE6F}"/>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5451781" y="5083973"/>
            <a:ext cx="141080" cy="361251"/>
          </a:xfrm>
          <a:prstGeom prst="rect">
            <a:avLst/>
          </a:prstGeom>
        </p:spPr>
      </p:pic>
      <p:pic>
        <p:nvPicPr>
          <p:cNvPr id="15" name="Grafik 14">
            <a:extLst>
              <a:ext uri="{FF2B5EF4-FFF2-40B4-BE49-F238E27FC236}">
                <a16:creationId xmlns:a16="http://schemas.microsoft.com/office/drawing/2014/main" id="{970D254D-A1D4-F201-AD81-8F4D2ED4CD71}"/>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flipH="1">
            <a:off x="5452223" y="5661248"/>
            <a:ext cx="141080" cy="361251"/>
          </a:xfrm>
          <a:prstGeom prst="rect">
            <a:avLst/>
          </a:prstGeom>
        </p:spPr>
      </p:pic>
      <p:sp>
        <p:nvSpPr>
          <p:cNvPr id="2" name="Textfeld 1">
            <a:extLst>
              <a:ext uri="{FF2B5EF4-FFF2-40B4-BE49-F238E27FC236}">
                <a16:creationId xmlns:a16="http://schemas.microsoft.com/office/drawing/2014/main" id="{1A51F0AE-76CA-523F-8B9D-DF7F7E1CB8B9}"/>
              </a:ext>
            </a:extLst>
          </p:cNvPr>
          <p:cNvSpPr txBox="1"/>
          <p:nvPr/>
        </p:nvSpPr>
        <p:spPr>
          <a:xfrm>
            <a:off x="11712227" y="260648"/>
            <a:ext cx="216421" cy="1584176"/>
          </a:xfrm>
          <a:prstGeom prst="rect">
            <a:avLst/>
          </a:prstGeom>
          <a:solidFill>
            <a:schemeClr val="bg1"/>
          </a:solidFill>
        </p:spPr>
        <p:txBody>
          <a:bodyPr wrap="square" lIns="0" tIns="0" rIns="0" bIns="0" rtlCol="0">
            <a:spAutoFit/>
          </a:bodyPr>
          <a:lstStyle/>
          <a:p>
            <a:pPr algn="l"/>
            <a:endParaRPr lang="de-CH" dirty="0" err="1"/>
          </a:p>
        </p:txBody>
      </p:sp>
    </p:spTree>
    <p:custDataLst>
      <p:custData r:id="rId1"/>
      <p:custData r:id="rId2"/>
    </p:custDataLst>
    <p:extLst>
      <p:ext uri="{BB962C8B-B14F-4D97-AF65-F5344CB8AC3E}">
        <p14:creationId xmlns:p14="http://schemas.microsoft.com/office/powerpoint/2010/main" val="138789695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Untertitel 2">
            <a:extLst>
              <a:ext uri="{FF2B5EF4-FFF2-40B4-BE49-F238E27FC236}">
                <a16:creationId xmlns:a16="http://schemas.microsoft.com/office/drawing/2014/main" id="{6711B484-658E-3E91-9BD8-F2AA11D8DA94}"/>
              </a:ext>
            </a:extLst>
          </p:cNvPr>
          <p:cNvSpPr>
            <a:spLocks noGrp="1"/>
          </p:cNvSpPr>
          <p:nvPr>
            <p:ph type="subTitle" idx="13"/>
          </p:nvPr>
        </p:nvSpPr>
        <p:spPr/>
        <p:txBody>
          <a:bodyPr/>
          <a:lstStyle/>
          <a:p>
            <a:r>
              <a:rPr lang="fr-CH" dirty="0">
                <a:latin typeface="Arial" panose="020B0604020202020204" pitchFamily="34" charset="0"/>
                <a:cs typeface="Arial" panose="020B0604020202020204" pitchFamily="34" charset="0"/>
              </a:rPr>
              <a:t>II.	Exploitabilité des faits exorbitants</a:t>
            </a:r>
          </a:p>
        </p:txBody>
      </p:sp>
      <p:sp>
        <p:nvSpPr>
          <p:cNvPr id="4" name="Textplatzhalter 3">
            <a:extLst>
              <a:ext uri="{FF2B5EF4-FFF2-40B4-BE49-F238E27FC236}">
                <a16:creationId xmlns:a16="http://schemas.microsoft.com/office/drawing/2014/main" id="{07749272-3007-4E8D-5159-430118FA6468}"/>
              </a:ext>
            </a:extLst>
          </p:cNvPr>
          <p:cNvSpPr>
            <a:spLocks noGrp="1"/>
          </p:cNvSpPr>
          <p:nvPr>
            <p:ph type="body" sz="quarter" idx="14"/>
          </p:nvPr>
        </p:nvSpPr>
        <p:spPr>
          <a:xfrm>
            <a:off x="696282" y="1115381"/>
            <a:ext cx="10583618" cy="423518"/>
          </a:xfrm>
        </p:spPr>
        <p:txBody>
          <a:bodyPr/>
          <a:lstStyle/>
          <a:p>
            <a:pPr algn="ctr"/>
            <a:r>
              <a:rPr lang="fr-CH" b="1" dirty="0">
                <a:latin typeface="Arial" panose="020B0604020202020204" pitchFamily="34" charset="0"/>
                <a:cs typeface="Arial" panose="020B0604020202020204" pitchFamily="34" charset="0"/>
              </a:rPr>
              <a:t>Etat des lieux de la controverse </a:t>
            </a:r>
            <a:r>
              <a:rPr lang="fr-CH" dirty="0">
                <a:latin typeface="Arial" panose="020B0604020202020204" pitchFamily="34" charset="0"/>
                <a:cs typeface="Arial" panose="020B0604020202020204" pitchFamily="34" charset="0"/>
              </a:rPr>
              <a:t>(1/2)</a:t>
            </a:r>
          </a:p>
        </p:txBody>
      </p:sp>
      <p:sp>
        <p:nvSpPr>
          <p:cNvPr id="5" name="Foliennummernplatzhalter 4">
            <a:extLst>
              <a:ext uri="{FF2B5EF4-FFF2-40B4-BE49-F238E27FC236}">
                <a16:creationId xmlns:a16="http://schemas.microsoft.com/office/drawing/2014/main" id="{95BADE6F-7EB9-345D-59A4-2059DCA59BE2}"/>
              </a:ext>
            </a:extLst>
          </p:cNvPr>
          <p:cNvSpPr>
            <a:spLocks noGrp="1"/>
          </p:cNvSpPr>
          <p:nvPr>
            <p:ph type="sldNum" sz="quarter" idx="15"/>
          </p:nvPr>
        </p:nvSpPr>
        <p:spPr/>
        <p:txBody>
          <a:bodyPr/>
          <a:lstStyle/>
          <a:p>
            <a:fld id="{FC362A1C-D03C-4301-9D28-06CE832B6EC4}" type="slidenum">
              <a:rPr lang="fr-CH" smtClean="0">
                <a:latin typeface="Arial" panose="020B0604020202020204" pitchFamily="34" charset="0"/>
                <a:cs typeface="Arial" panose="020B0604020202020204" pitchFamily="34" charset="0"/>
              </a:rPr>
              <a:pPr/>
              <a:t>6</a:t>
            </a:fld>
            <a:endParaRPr lang="fr-CH" dirty="0">
              <a:latin typeface="Arial" panose="020B0604020202020204" pitchFamily="34" charset="0"/>
              <a:cs typeface="Arial" panose="020B0604020202020204" pitchFamily="34" charset="0"/>
            </a:endParaRPr>
          </a:p>
        </p:txBody>
      </p:sp>
      <p:sp>
        <p:nvSpPr>
          <p:cNvPr id="6" name="Textplatzhalter 5">
            <a:extLst>
              <a:ext uri="{FF2B5EF4-FFF2-40B4-BE49-F238E27FC236}">
                <a16:creationId xmlns:a16="http://schemas.microsoft.com/office/drawing/2014/main" id="{8044A8CA-7564-8654-DCEE-07484179B878}"/>
              </a:ext>
            </a:extLst>
          </p:cNvPr>
          <p:cNvSpPr>
            <a:spLocks noGrp="1"/>
          </p:cNvSpPr>
          <p:nvPr>
            <p:ph type="body" sz="quarter" idx="17"/>
          </p:nvPr>
        </p:nvSpPr>
        <p:spPr>
          <a:xfrm>
            <a:off x="912101" y="2938533"/>
            <a:ext cx="4967875" cy="3226770"/>
          </a:xfrm>
        </p:spPr>
        <p:txBody>
          <a:bodyPr/>
          <a:lstStyle/>
          <a:p>
            <a:pPr algn="ctr"/>
            <a:r>
              <a:rPr lang="fr-CH" sz="1800" kern="100" dirty="0">
                <a:effectLst/>
                <a:latin typeface="Arial" panose="020B0604020202020204" pitchFamily="34" charset="0"/>
                <a:ea typeface="Calibri" panose="020F0502020204030204" pitchFamily="34" charset="0"/>
                <a:cs typeface="Arial" panose="020B0604020202020204" pitchFamily="34" charset="0"/>
              </a:rPr>
              <a:t>Réglementations cantonales antérieures</a:t>
            </a:r>
          </a:p>
          <a:p>
            <a:pPr marL="342900" lvl="0" indent="-342900" algn="just">
              <a:lnSpc>
                <a:spcPct val="100000"/>
              </a:lnSpc>
              <a:spcBef>
                <a:spcPts val="1200"/>
              </a:spcBef>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Disparités cantonales</a:t>
            </a:r>
          </a:p>
          <a:p>
            <a:pPr marL="342900" lvl="0" indent="-342900" algn="just">
              <a:lnSpc>
                <a:spcPct val="100000"/>
              </a:lnSpc>
              <a:spcBef>
                <a:spcPts val="1200"/>
              </a:spcBef>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Sort de (certains) faits exorbitants réglementé</a:t>
            </a:r>
          </a:p>
          <a:p>
            <a:pPr marL="719138" lvl="1" indent="-360363" algn="just">
              <a:lnSpc>
                <a:spcPct val="100000"/>
              </a:lnSpc>
              <a:spcBef>
                <a:spcPts val="1200"/>
              </a:spcBef>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Art. 4 al. 2 </a:t>
            </a:r>
            <a:r>
              <a:rPr lang="fr-CH" sz="1400" kern="100" dirty="0" err="1">
                <a:effectLst/>
                <a:latin typeface="Arial" panose="020B0604020202020204" pitchFamily="34" charset="0"/>
                <a:ea typeface="Calibri" panose="020F0502020204030204" pitchFamily="34" charset="0"/>
                <a:cs typeface="Arial" panose="020B0604020202020204" pitchFamily="34" charset="0"/>
              </a:rPr>
              <a:t>aCPC</a:t>
            </a:r>
            <a:r>
              <a:rPr lang="fr-CH" sz="1400" kern="100" dirty="0">
                <a:effectLst/>
                <a:latin typeface="Arial" panose="020B0604020202020204" pitchFamily="34" charset="0"/>
                <a:ea typeface="Calibri" panose="020F0502020204030204" pitchFamily="34" charset="0"/>
                <a:cs typeface="Arial" panose="020B0604020202020204" pitchFamily="34" charset="0"/>
              </a:rPr>
              <a:t>/VD et art. 66 al. 4 </a:t>
            </a:r>
            <a:r>
              <a:rPr lang="fr-CH" sz="1400" kern="100" dirty="0" err="1">
                <a:effectLst/>
                <a:latin typeface="Arial" panose="020B0604020202020204" pitchFamily="34" charset="0"/>
                <a:ea typeface="Calibri" panose="020F0502020204030204" pitchFamily="34" charset="0"/>
                <a:cs typeface="Arial" panose="020B0604020202020204" pitchFamily="34" charset="0"/>
              </a:rPr>
              <a:t>aCPC</a:t>
            </a:r>
            <a:r>
              <a:rPr lang="fr-CH" sz="1400" kern="100" dirty="0">
                <a:effectLst/>
                <a:latin typeface="Arial" panose="020B0604020202020204" pitchFamily="34" charset="0"/>
                <a:ea typeface="Calibri" panose="020F0502020204030204" pitchFamily="34" charset="0"/>
                <a:cs typeface="Arial" panose="020B0604020202020204" pitchFamily="34" charset="0"/>
              </a:rPr>
              <a:t>/VS</a:t>
            </a:r>
          </a:p>
          <a:p>
            <a:pPr marL="342900" lvl="0" indent="-342900" algn="just">
              <a:lnSpc>
                <a:spcPct val="100000"/>
              </a:lnSpc>
              <a:spcBef>
                <a:spcPts val="1200"/>
              </a:spcBef>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Régime souple des </a:t>
            </a:r>
            <a:r>
              <a:rPr lang="fr-CH" sz="1400" i="1" kern="100" dirty="0">
                <a:effectLst/>
                <a:latin typeface="Arial" panose="020B0604020202020204" pitchFamily="34" charset="0"/>
                <a:ea typeface="Calibri" panose="020F0502020204030204" pitchFamily="34" charset="0"/>
                <a:cs typeface="Arial" panose="020B0604020202020204" pitchFamily="34" charset="0"/>
              </a:rPr>
              <a:t>nova</a:t>
            </a:r>
            <a:r>
              <a:rPr lang="fr-CH" sz="1400" kern="100" dirty="0">
                <a:effectLst/>
                <a:latin typeface="Arial" panose="020B0604020202020204" pitchFamily="34" charset="0"/>
                <a:ea typeface="Calibri" panose="020F0502020204030204" pitchFamily="34" charset="0"/>
                <a:cs typeface="Arial" panose="020B0604020202020204" pitchFamily="34" charset="0"/>
              </a:rPr>
              <a:t> pour les faits exorbitants</a:t>
            </a:r>
          </a:p>
          <a:p>
            <a:pPr marL="719138" lvl="1" indent="-360363" algn="just">
              <a:lnSpc>
                <a:spcPct val="100000"/>
              </a:lnSpc>
              <a:spcBef>
                <a:spcPts val="1200"/>
              </a:spcBef>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LU / </a:t>
            </a:r>
            <a:r>
              <a:rPr lang="fr-CH" sz="1400" kern="100" dirty="0" err="1">
                <a:effectLst/>
                <a:latin typeface="Arial" panose="020B0604020202020204" pitchFamily="34" charset="0"/>
                <a:ea typeface="Calibri" panose="020F0502020204030204" pitchFamily="34" charset="0"/>
                <a:cs typeface="Arial" panose="020B0604020202020204" pitchFamily="34" charset="0"/>
              </a:rPr>
              <a:t>SZ</a:t>
            </a:r>
            <a:r>
              <a:rPr lang="fr-CH" sz="1400" kern="100" dirty="0">
                <a:effectLst/>
                <a:latin typeface="Arial" panose="020B0604020202020204" pitchFamily="34" charset="0"/>
                <a:ea typeface="Calibri" panose="020F0502020204030204" pitchFamily="34" charset="0"/>
                <a:cs typeface="Arial" panose="020B0604020202020204" pitchFamily="34" charset="0"/>
              </a:rPr>
              <a:t> / TG / </a:t>
            </a:r>
            <a:r>
              <a:rPr lang="fr-CH" sz="1400" kern="100" dirty="0" err="1">
                <a:effectLst/>
                <a:latin typeface="Arial" panose="020B0604020202020204" pitchFamily="34" charset="0"/>
                <a:ea typeface="Calibri" panose="020F0502020204030204" pitchFamily="34" charset="0"/>
                <a:cs typeface="Arial" panose="020B0604020202020204" pitchFamily="34" charset="0"/>
              </a:rPr>
              <a:t>ZG</a:t>
            </a:r>
            <a:r>
              <a:rPr lang="fr-CH" sz="1400" kern="100" dirty="0">
                <a:effectLst/>
                <a:latin typeface="Arial" panose="020B0604020202020204" pitchFamily="34" charset="0"/>
                <a:ea typeface="Calibri" panose="020F0502020204030204" pitchFamily="34" charset="0"/>
                <a:cs typeface="Arial" panose="020B0604020202020204" pitchFamily="34" charset="0"/>
              </a:rPr>
              <a:t> / </a:t>
            </a:r>
            <a:r>
              <a:rPr lang="fr-CH" sz="1400" kern="100" dirty="0" err="1">
                <a:effectLst/>
                <a:latin typeface="Arial" panose="020B0604020202020204" pitchFamily="34" charset="0"/>
                <a:ea typeface="Calibri" panose="020F0502020204030204" pitchFamily="34" charset="0"/>
                <a:cs typeface="Arial" panose="020B0604020202020204" pitchFamily="34" charset="0"/>
              </a:rPr>
              <a:t>ZH</a:t>
            </a:r>
            <a:endParaRPr lang="fr-CH" sz="1400" kern="100" dirty="0">
              <a:effectLst/>
              <a:latin typeface="Arial" panose="020B0604020202020204" pitchFamily="34" charset="0"/>
              <a:ea typeface="Calibri" panose="020F0502020204030204" pitchFamily="34" charset="0"/>
              <a:cs typeface="Arial" panose="020B0604020202020204" pitchFamily="34" charset="0"/>
            </a:endParaRPr>
          </a:p>
          <a:p>
            <a:pPr marL="342900" marR="0" lvl="0" indent="-342900" algn="just" defTabSz="914400" rtl="0" eaLnBrk="1" fontAlgn="auto" latinLnBrk="0" hangingPunct="1">
              <a:lnSpc>
                <a:spcPct val="100000"/>
              </a:lnSpc>
              <a:spcBef>
                <a:spcPts val="1200"/>
              </a:spcBef>
              <a:spcAft>
                <a:spcPts val="0"/>
              </a:spcAft>
              <a:buClrTx/>
              <a:buSzTx/>
              <a:buFont typeface="Symbol" panose="05050102010706020507" pitchFamily="18" charset="2"/>
              <a:buChar char=""/>
              <a:tabLst/>
              <a:defRPr/>
            </a:pPr>
            <a:r>
              <a:rPr kumimoji="0" lang="fr-CH" sz="1400" i="0" u="none" strike="noStrike" kern="100" cap="none" spc="0" normalizeH="0" baseline="0" noProof="0" dirty="0">
                <a:ln>
                  <a:noFill/>
                </a:ln>
                <a:solidFill>
                  <a:srgbClr val="000000"/>
                </a:solidFill>
                <a:effectLst/>
                <a:uLnTx/>
                <a:uFillTx/>
                <a:latin typeface="Arial" panose="020B0604020202020204" pitchFamily="34" charset="0"/>
                <a:ea typeface="Calibri" panose="020F0502020204030204" pitchFamily="34" charset="0"/>
                <a:cs typeface="Arial" panose="020B0604020202020204" pitchFamily="34" charset="0"/>
              </a:rPr>
              <a:t>« Ecoles » bernoise et zurichoise</a:t>
            </a:r>
          </a:p>
          <a:p>
            <a:pPr marL="742950" indent="-285750">
              <a:buFont typeface="Symbol" panose="05050102010706020507" pitchFamily="18" charset="2"/>
              <a:buChar char="-"/>
            </a:pPr>
            <a:endParaRPr lang="fr-CH" sz="1000" kern="100" dirty="0">
              <a:effectLst/>
              <a:latin typeface="Arial" panose="020B0604020202020204" pitchFamily="34" charset="0"/>
              <a:ea typeface="Calibri" panose="020F0502020204030204" pitchFamily="34" charset="0"/>
              <a:cs typeface="Arial" panose="020B0604020202020204" pitchFamily="34" charset="0"/>
            </a:endParaRPr>
          </a:p>
          <a:p>
            <a:endParaRPr lang="fr-CH" sz="1000" dirty="0">
              <a:latin typeface="Arial" panose="020B0604020202020204" pitchFamily="34" charset="0"/>
              <a:cs typeface="Arial" panose="020B0604020202020204" pitchFamily="34" charset="0"/>
            </a:endParaRPr>
          </a:p>
        </p:txBody>
      </p:sp>
      <p:sp>
        <p:nvSpPr>
          <p:cNvPr id="9" name="Textplatzhalter 8">
            <a:extLst>
              <a:ext uri="{FF2B5EF4-FFF2-40B4-BE49-F238E27FC236}">
                <a16:creationId xmlns:a16="http://schemas.microsoft.com/office/drawing/2014/main" id="{D89161BA-954E-0E34-31BF-B2A33D082513}"/>
              </a:ext>
            </a:extLst>
          </p:cNvPr>
          <p:cNvSpPr>
            <a:spLocks noGrp="1"/>
          </p:cNvSpPr>
          <p:nvPr>
            <p:ph type="body" sz="quarter" idx="24"/>
          </p:nvPr>
        </p:nvSpPr>
        <p:spPr>
          <a:xfrm>
            <a:off x="6312024" y="2938533"/>
            <a:ext cx="4967875" cy="3226770"/>
          </a:xfrm>
        </p:spPr>
        <p:txBody>
          <a:bodyPr/>
          <a:lstStyle/>
          <a:p>
            <a:pPr algn="ctr"/>
            <a:r>
              <a:rPr lang="fr-CH" sz="1800" dirty="0">
                <a:latin typeface="Arial" panose="020B0604020202020204" pitchFamily="34" charset="0"/>
                <a:cs typeface="Arial" panose="020B0604020202020204" pitchFamily="34" charset="0"/>
              </a:rPr>
              <a:t>Absence de réglementation dans le </a:t>
            </a:r>
            <a:r>
              <a:rPr lang="fr-CH" sz="1800" dirty="0" err="1">
                <a:latin typeface="Arial" panose="020B0604020202020204" pitchFamily="34" charset="0"/>
                <a:cs typeface="Arial" panose="020B0604020202020204" pitchFamily="34" charset="0"/>
              </a:rPr>
              <a:t>CPC</a:t>
            </a:r>
            <a:endParaRPr lang="fr-CH" sz="1800" dirty="0">
              <a:latin typeface="Arial" panose="020B0604020202020204" pitchFamily="34" charset="0"/>
              <a:cs typeface="Arial" panose="020B0604020202020204" pitchFamily="34" charset="0"/>
            </a:endParaRPr>
          </a:p>
          <a:p>
            <a:pPr marL="342900" lvl="0" indent="-342900" algn="just">
              <a:lnSpc>
                <a:spcPct val="150000"/>
              </a:lnSpc>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Entrée en vigueur du </a:t>
            </a:r>
            <a:r>
              <a:rPr lang="fr-CH" sz="1400" kern="100" dirty="0" err="1">
                <a:effectLst/>
                <a:latin typeface="Arial" panose="020B0604020202020204" pitchFamily="34" charset="0"/>
                <a:ea typeface="Calibri" panose="020F0502020204030204" pitchFamily="34" charset="0"/>
                <a:cs typeface="Arial" panose="020B0604020202020204" pitchFamily="34" charset="0"/>
              </a:rPr>
              <a:t>CPC</a:t>
            </a:r>
            <a:r>
              <a:rPr lang="fr-CH" sz="1400" kern="100" dirty="0">
                <a:effectLst/>
                <a:latin typeface="Arial" panose="020B0604020202020204" pitchFamily="34" charset="0"/>
                <a:ea typeface="Calibri" panose="020F0502020204030204" pitchFamily="34" charset="0"/>
                <a:cs typeface="Arial" panose="020B0604020202020204" pitchFamily="34" charset="0"/>
              </a:rPr>
              <a:t> le 1</a:t>
            </a:r>
            <a:r>
              <a:rPr lang="fr-CH" sz="1400" kern="100" baseline="30000" dirty="0">
                <a:effectLst/>
                <a:latin typeface="Arial" panose="020B0604020202020204" pitchFamily="34" charset="0"/>
                <a:ea typeface="Calibri" panose="020F0502020204030204" pitchFamily="34" charset="0"/>
                <a:cs typeface="Arial" panose="020B0604020202020204" pitchFamily="34" charset="0"/>
              </a:rPr>
              <a:t>er</a:t>
            </a:r>
            <a:r>
              <a:rPr lang="fr-CH" sz="1400" kern="100" dirty="0">
                <a:effectLst/>
                <a:latin typeface="Arial" panose="020B0604020202020204" pitchFamily="34" charset="0"/>
                <a:ea typeface="Calibri" panose="020F0502020204030204" pitchFamily="34" charset="0"/>
                <a:cs typeface="Arial" panose="020B0604020202020204" pitchFamily="34" charset="0"/>
              </a:rPr>
              <a:t> janvier 2011</a:t>
            </a:r>
          </a:p>
          <a:p>
            <a:pPr marL="342900" lvl="0" indent="-342900" algn="just">
              <a:lnSpc>
                <a:spcPct val="150000"/>
              </a:lnSpc>
              <a:buFont typeface="Symbol" panose="05050102010706020507" pitchFamily="18" charset="2"/>
              <a:buChar char=""/>
            </a:pPr>
            <a:r>
              <a:rPr lang="fr-CH" sz="1400" kern="100" dirty="0">
                <a:latin typeface="Arial" panose="020B0604020202020204" pitchFamily="34" charset="0"/>
                <a:ea typeface="Calibri" panose="020F0502020204030204" pitchFamily="34" charset="0"/>
                <a:cs typeface="Arial" panose="020B0604020202020204" pitchFamily="34" charset="0"/>
              </a:rPr>
              <a:t>A</a:t>
            </a:r>
            <a:r>
              <a:rPr lang="fr-CH" sz="1400" kern="100" dirty="0">
                <a:effectLst/>
                <a:latin typeface="Arial" panose="020B0604020202020204" pitchFamily="34" charset="0"/>
                <a:ea typeface="Calibri" panose="020F0502020204030204" pitchFamily="34" charset="0"/>
                <a:cs typeface="Arial" panose="020B0604020202020204" pitchFamily="34" charset="0"/>
              </a:rPr>
              <a:t>ucune disposition traitant des faits exorbitants</a:t>
            </a:r>
          </a:p>
          <a:p>
            <a:pPr marL="342900" lvl="0" indent="-342900" algn="just">
              <a:lnSpc>
                <a:spcPct val="150000"/>
              </a:lnSpc>
              <a:buFont typeface="Symbol" panose="05050102010706020507" pitchFamily="18" charset="2"/>
              <a:buChar char=""/>
            </a:pPr>
            <a:r>
              <a:rPr lang="fr-CH" sz="1400" kern="100" dirty="0">
                <a:latin typeface="Arial" panose="020B0604020202020204" pitchFamily="34" charset="0"/>
                <a:ea typeface="Calibri" panose="020F0502020204030204" pitchFamily="34" charset="0"/>
                <a:cs typeface="Arial" panose="020B0604020202020204" pitchFamily="34" charset="0"/>
              </a:rPr>
              <a:t>T</a:t>
            </a:r>
            <a:r>
              <a:rPr lang="fr-CH" sz="1400" kern="100" dirty="0">
                <a:effectLst/>
                <a:latin typeface="Arial" panose="020B0604020202020204" pitchFamily="34" charset="0"/>
                <a:ea typeface="Calibri" panose="020F0502020204030204" pitchFamily="34" charset="0"/>
                <a:cs typeface="Arial" panose="020B0604020202020204" pitchFamily="34" charset="0"/>
              </a:rPr>
              <a:t>ravaux préparatoires silencieux à cet égard</a:t>
            </a:r>
          </a:p>
          <a:p>
            <a:endParaRPr lang="fr-CH" dirty="0">
              <a:latin typeface="Arial" panose="020B0604020202020204" pitchFamily="34" charset="0"/>
              <a:cs typeface="Arial" panose="020B0604020202020204" pitchFamily="34" charset="0"/>
            </a:endParaRPr>
          </a:p>
        </p:txBody>
      </p:sp>
      <p:pic>
        <p:nvPicPr>
          <p:cNvPr id="10" name="Grafik 9">
            <a:extLst>
              <a:ext uri="{FF2B5EF4-FFF2-40B4-BE49-F238E27FC236}">
                <a16:creationId xmlns:a16="http://schemas.microsoft.com/office/drawing/2014/main" id="{110DFC38-73C8-44F7-AB7F-6FD5BCC57378}"/>
              </a:ext>
            </a:extLst>
          </p:cNvPr>
          <p:cNvPicPr>
            <a:picLocks noChangeAspect="1"/>
          </p:cNvPicPr>
          <p:nvPr/>
        </p:nvPicPr>
        <p:blipFill>
          <a:blip r:embed="rId2"/>
          <a:stretch>
            <a:fillRect/>
          </a:stretch>
        </p:blipFill>
        <p:spPr>
          <a:xfrm>
            <a:off x="2311559" y="1484784"/>
            <a:ext cx="2168958" cy="1350259"/>
          </a:xfrm>
          <a:prstGeom prst="rect">
            <a:avLst/>
          </a:prstGeom>
        </p:spPr>
      </p:pic>
      <p:pic>
        <p:nvPicPr>
          <p:cNvPr id="15" name="Grafik 14">
            <a:extLst>
              <a:ext uri="{FF2B5EF4-FFF2-40B4-BE49-F238E27FC236}">
                <a16:creationId xmlns:a16="http://schemas.microsoft.com/office/drawing/2014/main" id="{69653C4C-237F-61AE-2BDC-7FEBA08601F1}"/>
              </a:ext>
            </a:extLst>
          </p:cNvPr>
          <p:cNvPicPr>
            <a:picLocks noChangeAspect="1"/>
          </p:cNvPicPr>
          <p:nvPr/>
        </p:nvPicPr>
        <p:blipFill>
          <a:blip r:embed="rId3"/>
          <a:stretch>
            <a:fillRect/>
          </a:stretch>
        </p:blipFill>
        <p:spPr>
          <a:xfrm>
            <a:off x="7711485" y="1467985"/>
            <a:ext cx="2168956" cy="1393796"/>
          </a:xfrm>
          <a:prstGeom prst="rect">
            <a:avLst/>
          </a:prstGeom>
        </p:spPr>
      </p:pic>
      <p:sp>
        <p:nvSpPr>
          <p:cNvPr id="8" name="Textfeld 7">
            <a:extLst>
              <a:ext uri="{FF2B5EF4-FFF2-40B4-BE49-F238E27FC236}">
                <a16:creationId xmlns:a16="http://schemas.microsoft.com/office/drawing/2014/main" id="{4EC0B090-2B33-8F1D-9240-81B982ACC5FA}"/>
              </a:ext>
            </a:extLst>
          </p:cNvPr>
          <p:cNvSpPr txBox="1"/>
          <p:nvPr/>
        </p:nvSpPr>
        <p:spPr>
          <a:xfrm>
            <a:off x="11496600" y="260648"/>
            <a:ext cx="504056" cy="1584176"/>
          </a:xfrm>
          <a:prstGeom prst="rect">
            <a:avLst/>
          </a:prstGeom>
          <a:solidFill>
            <a:schemeClr val="bg1"/>
          </a:solidFill>
        </p:spPr>
        <p:txBody>
          <a:bodyPr wrap="square" lIns="0" tIns="0" rIns="0" bIns="0" rtlCol="0">
            <a:spAutoFit/>
          </a:bodyPr>
          <a:lstStyle/>
          <a:p>
            <a:pPr algn="l"/>
            <a:endParaRPr lang="de-CH" dirty="0" err="1"/>
          </a:p>
        </p:txBody>
      </p:sp>
      <p:sp>
        <p:nvSpPr>
          <p:cNvPr id="13" name="Titel 8">
            <a:extLst>
              <a:ext uri="{FF2B5EF4-FFF2-40B4-BE49-F238E27FC236}">
                <a16:creationId xmlns:a16="http://schemas.microsoft.com/office/drawing/2014/main" id="{CDEE6803-2A25-A222-D621-1DC165C2C84B}"/>
              </a:ext>
            </a:extLst>
          </p:cNvPr>
          <p:cNvSpPr txBox="1">
            <a:spLocks/>
          </p:cNvSpPr>
          <p:nvPr/>
        </p:nvSpPr>
        <p:spPr>
          <a:xfrm>
            <a:off x="334963" y="476672"/>
            <a:ext cx="9360000" cy="461982"/>
          </a:xfrm>
          <a:prstGeom prst="rect">
            <a:avLst/>
          </a:prstGeom>
        </p:spPr>
        <p:txBody>
          <a:bodyPr vert="horz" lIns="0" tIns="0" rIns="0" bIns="0" rtlCol="0" anchor="t">
            <a:noAutofit/>
          </a:bodyPr>
          <a:lstStyle>
            <a:lvl1pPr algn="l" defTabSz="914400" rtl="0" eaLnBrk="1" latinLnBrk="0" hangingPunct="1">
              <a:lnSpc>
                <a:spcPct val="90000"/>
              </a:lnSpc>
              <a:spcBef>
                <a:spcPct val="0"/>
              </a:spcBef>
              <a:buNone/>
              <a:tabLst>
                <a:tab pos="270000" algn="l"/>
              </a:tabLst>
              <a:defRPr sz="1000" b="1" kern="1200">
                <a:solidFill>
                  <a:schemeClr val="tx1"/>
                </a:solidFill>
                <a:latin typeface="+mj-lt"/>
                <a:ea typeface="+mj-ea"/>
                <a:cs typeface="+mj-cs"/>
              </a:defRPr>
            </a:lvl1pPr>
          </a:lstStyle>
          <a:p>
            <a:r>
              <a:rPr lang="fr-CH" dirty="0">
                <a:latin typeface="Arial" panose="020B0604020202020204" pitchFamily="34" charset="0"/>
                <a:cs typeface="Arial" panose="020B0604020202020204" pitchFamily="34" charset="0"/>
              </a:rPr>
              <a:t>A.	Etat des lieux de la controverse</a:t>
            </a:r>
          </a:p>
        </p:txBody>
      </p:sp>
    </p:spTree>
    <p:extLst>
      <p:ext uri="{BB962C8B-B14F-4D97-AF65-F5344CB8AC3E}">
        <p14:creationId xmlns:p14="http://schemas.microsoft.com/office/powerpoint/2010/main" val="224260790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platzhalter 3">
            <a:extLst>
              <a:ext uri="{FF2B5EF4-FFF2-40B4-BE49-F238E27FC236}">
                <a16:creationId xmlns:a16="http://schemas.microsoft.com/office/drawing/2014/main" id="{07749272-3007-4E8D-5159-430118FA6468}"/>
              </a:ext>
            </a:extLst>
          </p:cNvPr>
          <p:cNvSpPr>
            <a:spLocks noGrp="1"/>
          </p:cNvSpPr>
          <p:nvPr>
            <p:ph type="body" sz="quarter" idx="14"/>
          </p:nvPr>
        </p:nvSpPr>
        <p:spPr>
          <a:xfrm>
            <a:off x="696282" y="1115381"/>
            <a:ext cx="10583618" cy="423518"/>
          </a:xfrm>
        </p:spPr>
        <p:txBody>
          <a:bodyPr/>
          <a:lstStyle/>
          <a:p>
            <a:pPr algn="ctr"/>
            <a:r>
              <a:rPr lang="fr-CH" b="1" dirty="0">
                <a:latin typeface="Arial" panose="020B0604020202020204" pitchFamily="34" charset="0"/>
                <a:cs typeface="Arial" panose="020B0604020202020204" pitchFamily="34" charset="0"/>
              </a:rPr>
              <a:t>Etat des lieux de la controverse </a:t>
            </a:r>
            <a:r>
              <a:rPr lang="fr-CH" dirty="0">
                <a:latin typeface="Arial" panose="020B0604020202020204" pitchFamily="34" charset="0"/>
                <a:cs typeface="Arial" panose="020B0604020202020204" pitchFamily="34" charset="0"/>
              </a:rPr>
              <a:t>(2/2)</a:t>
            </a:r>
          </a:p>
        </p:txBody>
      </p:sp>
      <p:sp>
        <p:nvSpPr>
          <p:cNvPr id="5" name="Foliennummernplatzhalter 4">
            <a:extLst>
              <a:ext uri="{FF2B5EF4-FFF2-40B4-BE49-F238E27FC236}">
                <a16:creationId xmlns:a16="http://schemas.microsoft.com/office/drawing/2014/main" id="{95BADE6F-7EB9-345D-59A4-2059DCA59BE2}"/>
              </a:ext>
            </a:extLst>
          </p:cNvPr>
          <p:cNvSpPr>
            <a:spLocks noGrp="1"/>
          </p:cNvSpPr>
          <p:nvPr>
            <p:ph type="sldNum" sz="quarter" idx="15"/>
          </p:nvPr>
        </p:nvSpPr>
        <p:spPr/>
        <p:txBody>
          <a:bodyPr/>
          <a:lstStyle/>
          <a:p>
            <a:fld id="{FC362A1C-D03C-4301-9D28-06CE832B6EC4}" type="slidenum">
              <a:rPr lang="fr-CH" smtClean="0">
                <a:latin typeface="Arial" panose="020B0604020202020204" pitchFamily="34" charset="0"/>
                <a:cs typeface="Arial" panose="020B0604020202020204" pitchFamily="34" charset="0"/>
              </a:rPr>
              <a:pPr/>
              <a:t>7</a:t>
            </a:fld>
            <a:endParaRPr lang="fr-CH" dirty="0">
              <a:latin typeface="Arial" panose="020B0604020202020204" pitchFamily="34" charset="0"/>
              <a:cs typeface="Arial" panose="020B0604020202020204" pitchFamily="34" charset="0"/>
            </a:endParaRPr>
          </a:p>
        </p:txBody>
      </p:sp>
      <p:sp>
        <p:nvSpPr>
          <p:cNvPr id="6" name="Textplatzhalter 5">
            <a:extLst>
              <a:ext uri="{FF2B5EF4-FFF2-40B4-BE49-F238E27FC236}">
                <a16:creationId xmlns:a16="http://schemas.microsoft.com/office/drawing/2014/main" id="{8044A8CA-7564-8654-DCEE-07484179B878}"/>
              </a:ext>
            </a:extLst>
          </p:cNvPr>
          <p:cNvSpPr>
            <a:spLocks noGrp="1"/>
          </p:cNvSpPr>
          <p:nvPr>
            <p:ph type="body" sz="quarter" idx="17"/>
          </p:nvPr>
        </p:nvSpPr>
        <p:spPr>
          <a:xfrm>
            <a:off x="912101" y="2618701"/>
            <a:ext cx="4967875" cy="3546602"/>
          </a:xfrm>
          <a:solidFill>
            <a:srgbClr val="46CFF0"/>
          </a:solidFill>
        </p:spPr>
        <p:txBody>
          <a:bodyPr wrap="square" lIns="144000">
            <a:noAutofit/>
          </a:bodyPr>
          <a:lstStyle/>
          <a:p>
            <a:pPr algn="ctr">
              <a:lnSpc>
                <a:spcPct val="170000"/>
              </a:lnSpc>
            </a:pPr>
            <a:r>
              <a:rPr lang="fr-CH" sz="1800" dirty="0">
                <a:latin typeface="Arial" panose="020B0604020202020204" pitchFamily="34" charset="0"/>
                <a:cs typeface="Arial" panose="020B0604020202020204" pitchFamily="34" charset="0"/>
              </a:rPr>
              <a:t>Divergences doctrinales</a:t>
            </a:r>
          </a:p>
          <a:p>
            <a:pPr marL="342900" indent="-342900" algn="just">
              <a:lnSpc>
                <a:spcPct val="170000"/>
              </a:lnSpc>
              <a:buFont typeface="Symbol" panose="05050102010706020507" pitchFamily="18" charset="2"/>
              <a:buChar char=""/>
            </a:pPr>
            <a:r>
              <a:rPr lang="fr-CH" sz="1400" b="0" kern="100" dirty="0">
                <a:latin typeface="Arial" panose="020B0604020202020204" pitchFamily="34" charset="0"/>
                <a:cs typeface="Arial" panose="020B0604020202020204" pitchFamily="34" charset="0"/>
              </a:rPr>
              <a:t>Jamais / toujours exploitables</a:t>
            </a:r>
          </a:p>
          <a:p>
            <a:pPr marL="342900" indent="-342900" algn="just">
              <a:lnSpc>
                <a:spcPct val="170000"/>
              </a:lnSpc>
              <a:buFont typeface="Symbol" panose="05050102010706020507" pitchFamily="18" charset="2"/>
              <a:buChar char=""/>
            </a:pPr>
            <a:r>
              <a:rPr lang="fr-CH" sz="1400" kern="100" dirty="0">
                <a:latin typeface="Arial" panose="020B0604020202020204" pitchFamily="34" charset="0"/>
                <a:cs typeface="Arial" panose="020B0604020202020204" pitchFamily="34" charset="0"/>
              </a:rPr>
              <a:t>Interprétation extensive de l’art. 56 </a:t>
            </a:r>
            <a:r>
              <a:rPr lang="fr-CH" sz="1400" kern="100" dirty="0" err="1">
                <a:latin typeface="Arial" panose="020B0604020202020204" pitchFamily="34" charset="0"/>
                <a:cs typeface="Arial" panose="020B0604020202020204" pitchFamily="34" charset="0"/>
              </a:rPr>
              <a:t>CPC</a:t>
            </a:r>
            <a:endParaRPr lang="fr-CH" sz="1400" kern="100" dirty="0">
              <a:latin typeface="Arial" panose="020B0604020202020204" pitchFamily="34" charset="0"/>
              <a:cs typeface="Arial" panose="020B0604020202020204" pitchFamily="34" charset="0"/>
            </a:endParaRPr>
          </a:p>
          <a:p>
            <a:pPr marL="342900" indent="-342900" algn="just">
              <a:lnSpc>
                <a:spcPct val="170000"/>
              </a:lnSpc>
              <a:buFont typeface="Symbol" panose="05050102010706020507" pitchFamily="18" charset="2"/>
              <a:buChar char=""/>
            </a:pPr>
            <a:r>
              <a:rPr lang="fr-CH" sz="1400" kern="100" dirty="0">
                <a:latin typeface="Arial" panose="020B0604020202020204" pitchFamily="34" charset="0"/>
                <a:cs typeface="Arial" panose="020B0604020202020204" pitchFamily="34" charset="0"/>
              </a:rPr>
              <a:t>Exploitables, si le droit d’être entendu est garanti</a:t>
            </a:r>
          </a:p>
          <a:p>
            <a:pPr marL="342900" indent="-342900" algn="just">
              <a:lnSpc>
                <a:spcPct val="170000"/>
              </a:lnSpc>
              <a:buFont typeface="Symbol" panose="05050102010706020507" pitchFamily="18" charset="2"/>
              <a:buChar char=""/>
            </a:pPr>
            <a:r>
              <a:rPr lang="fr-CH" sz="1400" kern="100" dirty="0">
                <a:latin typeface="Arial" panose="020B0604020202020204" pitchFamily="34" charset="0"/>
                <a:cs typeface="Arial" panose="020B0604020202020204" pitchFamily="34" charset="0"/>
              </a:rPr>
              <a:t>Exploitables, si les faits exorbitants s’inscrivent dans le cadre des allégués des parties</a:t>
            </a:r>
          </a:p>
          <a:p>
            <a:pPr marL="342900" indent="-342900" algn="just">
              <a:lnSpc>
                <a:spcPct val="170000"/>
              </a:lnSpc>
              <a:buFont typeface="Symbol" panose="05050102010706020507" pitchFamily="18" charset="2"/>
              <a:buChar char=""/>
            </a:pPr>
            <a:r>
              <a:rPr lang="fr-CH" sz="1400" kern="100" dirty="0">
                <a:latin typeface="Arial" panose="020B0604020202020204" pitchFamily="34" charset="0"/>
                <a:cs typeface="Arial" panose="020B0604020202020204" pitchFamily="34" charset="0"/>
              </a:rPr>
              <a:t>Exploitables, selon les conditions des </a:t>
            </a:r>
            <a:r>
              <a:rPr lang="fr-CH" sz="1400" i="1" kern="100" dirty="0">
                <a:latin typeface="Arial" panose="020B0604020202020204" pitchFamily="34" charset="0"/>
                <a:cs typeface="Arial" panose="020B0604020202020204" pitchFamily="34" charset="0"/>
              </a:rPr>
              <a:t>nova</a:t>
            </a:r>
          </a:p>
        </p:txBody>
      </p:sp>
      <p:sp>
        <p:nvSpPr>
          <p:cNvPr id="9" name="Textplatzhalter 8">
            <a:extLst>
              <a:ext uri="{FF2B5EF4-FFF2-40B4-BE49-F238E27FC236}">
                <a16:creationId xmlns:a16="http://schemas.microsoft.com/office/drawing/2014/main" id="{D89161BA-954E-0E34-31BF-B2A33D082513}"/>
              </a:ext>
            </a:extLst>
          </p:cNvPr>
          <p:cNvSpPr>
            <a:spLocks noGrp="1"/>
          </p:cNvSpPr>
          <p:nvPr>
            <p:ph type="body" sz="quarter" idx="24"/>
          </p:nvPr>
        </p:nvSpPr>
        <p:spPr>
          <a:xfrm>
            <a:off x="6312024" y="2616473"/>
            <a:ext cx="4967875" cy="3548830"/>
          </a:xfrm>
          <a:solidFill>
            <a:srgbClr val="FCA862"/>
          </a:solidFill>
        </p:spPr>
        <p:txBody>
          <a:bodyPr lIns="144000">
            <a:noAutofit/>
          </a:bodyPr>
          <a:lstStyle/>
          <a:p>
            <a:pPr algn="ctr">
              <a:lnSpc>
                <a:spcPct val="150000"/>
              </a:lnSpc>
            </a:pPr>
            <a:r>
              <a:rPr lang="fr-CH" sz="1800" dirty="0">
                <a:latin typeface="Arial" panose="020B0604020202020204" pitchFamily="34" charset="0"/>
                <a:cs typeface="Arial" panose="020B0604020202020204" pitchFamily="34" charset="0"/>
              </a:rPr>
              <a:t>Enseignements jurisprudentiels</a:t>
            </a:r>
          </a:p>
          <a:p>
            <a:pPr marL="342900" indent="-342900" algn="just">
              <a:lnSpc>
                <a:spcPct val="150000"/>
              </a:lnSpc>
              <a:buFont typeface="Symbol" panose="05050102010706020507" pitchFamily="18" charset="2"/>
              <a:buChar char=""/>
            </a:pPr>
            <a:r>
              <a:rPr lang="fr-CH" sz="1400" kern="100" dirty="0">
                <a:latin typeface="Arial" panose="020B0604020202020204" pitchFamily="34" charset="0"/>
                <a:cs typeface="Arial" panose="020B0604020202020204" pitchFamily="34" charset="0"/>
              </a:rPr>
              <a:t>Nombreux arrêts fédéraux et cantonaux en lien avec les faits exorbitants</a:t>
            </a:r>
          </a:p>
          <a:p>
            <a:pPr marL="342900" lvl="0" indent="-342900" algn="just">
              <a:lnSpc>
                <a:spcPct val="150000"/>
              </a:lnSpc>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Controverse laissée indécise par le TF</a:t>
            </a:r>
          </a:p>
          <a:p>
            <a:pPr marL="342900" lvl="0" indent="-342900" algn="just">
              <a:lnSpc>
                <a:spcPct val="150000"/>
              </a:lnSpc>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Le </a:t>
            </a:r>
            <a:r>
              <a:rPr lang="fr-CH" sz="1400" kern="100" dirty="0">
                <a:latin typeface="Arial" panose="020B0604020202020204" pitchFamily="34" charset="0"/>
                <a:ea typeface="Calibri" panose="020F0502020204030204" pitchFamily="34" charset="0"/>
                <a:cs typeface="Arial" panose="020B0604020202020204" pitchFamily="34" charset="0"/>
              </a:rPr>
              <a:t>TF </a:t>
            </a:r>
            <a:r>
              <a:rPr lang="fr-CH" sz="1400" kern="100" dirty="0">
                <a:effectLst/>
                <a:latin typeface="Arial" panose="020B0604020202020204" pitchFamily="34" charset="0"/>
                <a:ea typeface="Calibri" panose="020F0502020204030204" pitchFamily="34" charset="0"/>
                <a:cs typeface="Arial" panose="020B0604020202020204" pitchFamily="34" charset="0"/>
              </a:rPr>
              <a:t>se détache implicitement des opinions selon lesquelles les faits exorbitants devraient être automatiquement écartés ou, au contraire, systématiquement pris en compte</a:t>
            </a:r>
          </a:p>
          <a:p>
            <a:endParaRPr lang="fr-CH" dirty="0">
              <a:latin typeface="Arial" panose="020B0604020202020204" pitchFamily="34" charset="0"/>
              <a:cs typeface="Arial" panose="020B0604020202020204" pitchFamily="34" charset="0"/>
            </a:endParaRPr>
          </a:p>
        </p:txBody>
      </p:sp>
      <p:grpSp>
        <p:nvGrpSpPr>
          <p:cNvPr id="7" name="book-open">
            <a:extLst>
              <a:ext uri="{FF2B5EF4-FFF2-40B4-BE49-F238E27FC236}">
                <a16:creationId xmlns:a16="http://schemas.microsoft.com/office/drawing/2014/main" id="{DE94FF75-760E-C0D7-244E-E1A360DFA5CE}"/>
              </a:ext>
            </a:extLst>
          </p:cNvPr>
          <p:cNvGrpSpPr>
            <a:grpSpLocks noChangeAspect="1"/>
          </p:cNvGrpSpPr>
          <p:nvPr/>
        </p:nvGrpSpPr>
        <p:grpSpPr>
          <a:xfrm>
            <a:off x="2928098" y="1628800"/>
            <a:ext cx="900000" cy="900000"/>
            <a:chOff x="1206500" y="63500"/>
            <a:chExt cx="457200" cy="457200"/>
          </a:xfrm>
          <a:solidFill>
            <a:schemeClr val="accent1">
              <a:lumMod val="40000"/>
              <a:lumOff val="60000"/>
            </a:schemeClr>
          </a:solidFill>
        </p:grpSpPr>
        <p:sp>
          <p:nvSpPr>
            <p:cNvPr id="10" name="Freeform: Shape 2">
              <a:extLst>
                <a:ext uri="{FF2B5EF4-FFF2-40B4-BE49-F238E27FC236}">
                  <a16:creationId xmlns:a16="http://schemas.microsoft.com/office/drawing/2014/main" id="{AC7ECB1A-B7A6-1C02-7AA4-A8548E0886A6}"/>
                </a:ext>
              </a:extLst>
            </p:cNvPr>
            <p:cNvSpPr/>
            <p:nvPr/>
          </p:nvSpPr>
          <p:spPr>
            <a:xfrm>
              <a:off x="1244600" y="120650"/>
              <a:ext cx="190500" cy="342900"/>
            </a:xfrm>
            <a:custGeom>
              <a:avLst/>
              <a:gdLst>
                <a:gd name="connsiteX0" fmla="*/ 0 w 190500"/>
                <a:gd name="connsiteY0" fmla="*/ 0 h 342900"/>
                <a:gd name="connsiteX1" fmla="*/ 114300 w 190500"/>
                <a:gd name="connsiteY1" fmla="*/ 0 h 342900"/>
                <a:gd name="connsiteX2" fmla="*/ 190500 w 190500"/>
                <a:gd name="connsiteY2" fmla="*/ 76200 h 342900"/>
                <a:gd name="connsiteX3" fmla="*/ 190500 w 190500"/>
                <a:gd name="connsiteY3" fmla="*/ 342900 h 342900"/>
                <a:gd name="connsiteX4" fmla="*/ 133350 w 190500"/>
                <a:gd name="connsiteY4" fmla="*/ 285750 h 342900"/>
                <a:gd name="connsiteX5" fmla="*/ 0 w 190500"/>
                <a:gd name="connsiteY5" fmla="*/ 285750 h 342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90500" h="342900">
                  <a:moveTo>
                    <a:pt x="0" y="0"/>
                  </a:moveTo>
                  <a:lnTo>
                    <a:pt x="114300" y="0"/>
                  </a:lnTo>
                  <a:cubicBezTo>
                    <a:pt x="156383" y="0"/>
                    <a:pt x="190500" y="34116"/>
                    <a:pt x="190500" y="76200"/>
                  </a:cubicBezTo>
                  <a:lnTo>
                    <a:pt x="190500" y="342900"/>
                  </a:lnTo>
                  <a:cubicBezTo>
                    <a:pt x="190500" y="311336"/>
                    <a:pt x="164914" y="285750"/>
                    <a:pt x="133350" y="285750"/>
                  </a:cubicBezTo>
                  <a:lnTo>
                    <a:pt x="0" y="285750"/>
                  </a:lnTo>
                  <a:close/>
                </a:path>
              </a:pathLst>
            </a:custGeom>
            <a:grpFill/>
            <a:ln w="12700" cap="rnd">
              <a:solidFill>
                <a:schemeClr val="bg2">
                  <a:lumMod val="50000"/>
                </a:schemeClr>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sp>
          <p:nvSpPr>
            <p:cNvPr id="12" name="Freeform: Shape 3">
              <a:extLst>
                <a:ext uri="{FF2B5EF4-FFF2-40B4-BE49-F238E27FC236}">
                  <a16:creationId xmlns:a16="http://schemas.microsoft.com/office/drawing/2014/main" id="{0E327D3B-9363-530D-BC8F-0100B691167E}"/>
                </a:ext>
              </a:extLst>
            </p:cNvPr>
            <p:cNvSpPr/>
            <p:nvPr/>
          </p:nvSpPr>
          <p:spPr>
            <a:xfrm>
              <a:off x="1435100" y="120650"/>
              <a:ext cx="190500" cy="342900"/>
            </a:xfrm>
            <a:custGeom>
              <a:avLst/>
              <a:gdLst>
                <a:gd name="connsiteX0" fmla="*/ 190500 w 190500"/>
                <a:gd name="connsiteY0" fmla="*/ 0 h 342900"/>
                <a:gd name="connsiteX1" fmla="*/ 76200 w 190500"/>
                <a:gd name="connsiteY1" fmla="*/ 0 h 342900"/>
                <a:gd name="connsiteX2" fmla="*/ 0 w 190500"/>
                <a:gd name="connsiteY2" fmla="*/ 76200 h 342900"/>
                <a:gd name="connsiteX3" fmla="*/ 0 w 190500"/>
                <a:gd name="connsiteY3" fmla="*/ 342900 h 342900"/>
                <a:gd name="connsiteX4" fmla="*/ 57150 w 190500"/>
                <a:gd name="connsiteY4" fmla="*/ 285750 h 342900"/>
                <a:gd name="connsiteX5" fmla="*/ 190500 w 190500"/>
                <a:gd name="connsiteY5" fmla="*/ 285750 h 342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90500" h="342900">
                  <a:moveTo>
                    <a:pt x="190500" y="0"/>
                  </a:moveTo>
                  <a:lnTo>
                    <a:pt x="76200" y="0"/>
                  </a:lnTo>
                  <a:cubicBezTo>
                    <a:pt x="34117" y="0"/>
                    <a:pt x="0" y="34116"/>
                    <a:pt x="0" y="76200"/>
                  </a:cubicBezTo>
                  <a:lnTo>
                    <a:pt x="0" y="342900"/>
                  </a:lnTo>
                  <a:cubicBezTo>
                    <a:pt x="0" y="311336"/>
                    <a:pt x="25586" y="285750"/>
                    <a:pt x="57150" y="285750"/>
                  </a:cubicBezTo>
                  <a:lnTo>
                    <a:pt x="190500" y="285750"/>
                  </a:lnTo>
                  <a:close/>
                </a:path>
              </a:pathLst>
            </a:custGeom>
            <a:grpFill/>
            <a:ln w="12700" cap="rnd">
              <a:solidFill>
                <a:schemeClr val="bg2">
                  <a:lumMod val="50000"/>
                </a:schemeClr>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grpSp>
      <p:grpSp>
        <p:nvGrpSpPr>
          <p:cNvPr id="13" name="Hammer">
            <a:extLst>
              <a:ext uri="{FF2B5EF4-FFF2-40B4-BE49-F238E27FC236}">
                <a16:creationId xmlns:a16="http://schemas.microsoft.com/office/drawing/2014/main" id="{13A9EBE7-CDA8-AA42-E371-B545A1168F1B}"/>
              </a:ext>
            </a:extLst>
          </p:cNvPr>
          <p:cNvGrpSpPr>
            <a:grpSpLocks noChangeAspect="1"/>
          </p:cNvGrpSpPr>
          <p:nvPr/>
        </p:nvGrpSpPr>
        <p:grpSpPr>
          <a:xfrm>
            <a:off x="8438904" y="1844824"/>
            <a:ext cx="900000" cy="501993"/>
            <a:chOff x="1950275" y="4011623"/>
            <a:chExt cx="417875" cy="233078"/>
          </a:xfrm>
          <a:solidFill>
            <a:schemeClr val="accent6">
              <a:lumMod val="75000"/>
            </a:schemeClr>
          </a:solidFill>
        </p:grpSpPr>
        <p:sp>
          <p:nvSpPr>
            <p:cNvPr id="14" name="Freeform: Shape 2">
              <a:extLst>
                <a:ext uri="{FF2B5EF4-FFF2-40B4-BE49-F238E27FC236}">
                  <a16:creationId xmlns:a16="http://schemas.microsoft.com/office/drawing/2014/main" id="{5D4CAC40-F387-46CB-85E5-C911BDEFB105}"/>
                </a:ext>
              </a:extLst>
            </p:cNvPr>
            <p:cNvSpPr/>
            <p:nvPr/>
          </p:nvSpPr>
          <p:spPr>
            <a:xfrm>
              <a:off x="2228745" y="4235176"/>
              <a:ext cx="139405" cy="9525"/>
            </a:xfrm>
            <a:custGeom>
              <a:avLst/>
              <a:gdLst>
                <a:gd name="connsiteX0" fmla="*/ 0 w 139405"/>
                <a:gd name="connsiteY0" fmla="*/ 0 h 9525"/>
                <a:gd name="connsiteX1" fmla="*/ 139405 w 139405"/>
                <a:gd name="connsiteY1" fmla="*/ 0 h 9525"/>
              </a:gdLst>
              <a:ahLst/>
              <a:cxnLst>
                <a:cxn ang="0">
                  <a:pos x="connsiteX0" y="connsiteY0"/>
                </a:cxn>
                <a:cxn ang="0">
                  <a:pos x="connsiteX1" y="connsiteY1"/>
                </a:cxn>
              </a:cxnLst>
              <a:rect l="l" t="t" r="r" b="b"/>
              <a:pathLst>
                <a:path w="139405" h="9525">
                  <a:moveTo>
                    <a:pt x="0" y="0"/>
                  </a:moveTo>
                  <a:lnTo>
                    <a:pt x="139405" y="0"/>
                  </a:lnTo>
                </a:path>
              </a:pathLst>
            </a:custGeom>
            <a:grpFill/>
            <a:ln w="9525" cap="rnd">
              <a:solidFill>
                <a:srgbClr val="FFA65F"/>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grpSp>
          <p:nvGrpSpPr>
            <p:cNvPr id="15" name="Graphic 44">
              <a:extLst>
                <a:ext uri="{FF2B5EF4-FFF2-40B4-BE49-F238E27FC236}">
                  <a16:creationId xmlns:a16="http://schemas.microsoft.com/office/drawing/2014/main" id="{77F678FF-43B7-3DBD-A341-879BF9F106FD}"/>
                </a:ext>
              </a:extLst>
            </p:cNvPr>
            <p:cNvGrpSpPr/>
            <p:nvPr/>
          </p:nvGrpSpPr>
          <p:grpSpPr>
            <a:xfrm>
              <a:off x="1950275" y="4011623"/>
              <a:ext cx="400128" cy="228008"/>
              <a:chOff x="1950275" y="4011623"/>
              <a:chExt cx="400128" cy="228008"/>
            </a:xfrm>
            <a:grpFill/>
          </p:grpSpPr>
          <p:grpSp>
            <p:nvGrpSpPr>
              <p:cNvPr id="16" name="Graphic 44">
                <a:extLst>
                  <a:ext uri="{FF2B5EF4-FFF2-40B4-BE49-F238E27FC236}">
                    <a16:creationId xmlns:a16="http://schemas.microsoft.com/office/drawing/2014/main" id="{C97A0C01-593E-CF60-935F-5A8421436537}"/>
                  </a:ext>
                </a:extLst>
              </p:cNvPr>
              <p:cNvGrpSpPr/>
              <p:nvPr/>
            </p:nvGrpSpPr>
            <p:grpSpPr>
              <a:xfrm>
                <a:off x="2208563" y="4011623"/>
                <a:ext cx="141840" cy="196145"/>
                <a:chOff x="2208563" y="4011623"/>
                <a:chExt cx="141840" cy="196145"/>
              </a:xfrm>
              <a:grpFill/>
            </p:grpSpPr>
            <p:sp>
              <p:nvSpPr>
                <p:cNvPr id="18" name="Freeform: Shape 6">
                  <a:extLst>
                    <a:ext uri="{FF2B5EF4-FFF2-40B4-BE49-F238E27FC236}">
                      <a16:creationId xmlns:a16="http://schemas.microsoft.com/office/drawing/2014/main" id="{3164DD8F-ABCB-6D9F-1A34-1E04132AC6C7}"/>
                    </a:ext>
                  </a:extLst>
                </p:cNvPr>
                <p:cNvSpPr/>
                <p:nvPr/>
              </p:nvSpPr>
              <p:spPr>
                <a:xfrm>
                  <a:off x="2291037" y="4053728"/>
                  <a:ext cx="33162" cy="91552"/>
                </a:xfrm>
                <a:custGeom>
                  <a:avLst/>
                  <a:gdLst>
                    <a:gd name="connsiteX0" fmla="*/ 33162 w 33162"/>
                    <a:gd name="connsiteY0" fmla="*/ 91552 h 91552"/>
                    <a:gd name="connsiteX1" fmla="*/ 0 w 33162"/>
                    <a:gd name="connsiteY1" fmla="*/ 0 h 91552"/>
                  </a:gdLst>
                  <a:ahLst/>
                  <a:cxnLst>
                    <a:cxn ang="0">
                      <a:pos x="connsiteX0" y="connsiteY0"/>
                    </a:cxn>
                    <a:cxn ang="0">
                      <a:pos x="connsiteX1" y="connsiteY1"/>
                    </a:cxn>
                  </a:cxnLst>
                  <a:rect l="l" t="t" r="r" b="b"/>
                  <a:pathLst>
                    <a:path w="33162" h="91552">
                      <a:moveTo>
                        <a:pt x="33162" y="91552"/>
                      </a:moveTo>
                      <a:lnTo>
                        <a:pt x="0" y="0"/>
                      </a:lnTo>
                    </a:path>
                  </a:pathLst>
                </a:custGeom>
                <a:grpFill/>
                <a:ln w="9525" cap="rnd">
                  <a:solidFill>
                    <a:srgbClr val="FFA65F"/>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sp>
              <p:nvSpPr>
                <p:cNvPr id="19" name="Freeform: Shape 7">
                  <a:extLst>
                    <a:ext uri="{FF2B5EF4-FFF2-40B4-BE49-F238E27FC236}">
                      <a16:creationId xmlns:a16="http://schemas.microsoft.com/office/drawing/2014/main" id="{4F0AB2D6-C8BF-841F-8A77-2F4B17DEB3D8}"/>
                    </a:ext>
                  </a:extLst>
                </p:cNvPr>
                <p:cNvSpPr/>
                <p:nvPr/>
              </p:nvSpPr>
              <p:spPr>
                <a:xfrm>
                  <a:off x="2234768" y="4074110"/>
                  <a:ext cx="33162" cy="91553"/>
                </a:xfrm>
                <a:custGeom>
                  <a:avLst/>
                  <a:gdLst>
                    <a:gd name="connsiteX0" fmla="*/ 0 w 33162"/>
                    <a:gd name="connsiteY0" fmla="*/ 0 h 91553"/>
                    <a:gd name="connsiteX1" fmla="*/ 33162 w 33162"/>
                    <a:gd name="connsiteY1" fmla="*/ 91553 h 91553"/>
                  </a:gdLst>
                  <a:ahLst/>
                  <a:cxnLst>
                    <a:cxn ang="0">
                      <a:pos x="connsiteX0" y="connsiteY0"/>
                    </a:cxn>
                    <a:cxn ang="0">
                      <a:pos x="connsiteX1" y="connsiteY1"/>
                    </a:cxn>
                  </a:cxnLst>
                  <a:rect l="l" t="t" r="r" b="b"/>
                  <a:pathLst>
                    <a:path w="33162" h="91553">
                      <a:moveTo>
                        <a:pt x="0" y="0"/>
                      </a:moveTo>
                      <a:lnTo>
                        <a:pt x="33162" y="91553"/>
                      </a:lnTo>
                    </a:path>
                  </a:pathLst>
                </a:custGeom>
                <a:grpFill/>
                <a:ln w="9525" cap="rnd">
                  <a:solidFill>
                    <a:srgbClr val="FFA65F"/>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sp>
              <p:nvSpPr>
                <p:cNvPr id="20" name="Freeform: Shape 8">
                  <a:extLst>
                    <a:ext uri="{FF2B5EF4-FFF2-40B4-BE49-F238E27FC236}">
                      <a16:creationId xmlns:a16="http://schemas.microsoft.com/office/drawing/2014/main" id="{8E889C92-51B0-BFE5-7200-46A8A87BBF3C}"/>
                    </a:ext>
                  </a:extLst>
                </p:cNvPr>
                <p:cNvSpPr/>
                <p:nvPr/>
              </p:nvSpPr>
              <p:spPr>
                <a:xfrm>
                  <a:off x="2208563" y="4011623"/>
                  <a:ext cx="94486" cy="65414"/>
                </a:xfrm>
                <a:custGeom>
                  <a:avLst/>
                  <a:gdLst>
                    <a:gd name="connsiteX0" fmla="*/ 478 w 94486"/>
                    <a:gd name="connsiteY0" fmla="*/ 35954 h 65414"/>
                    <a:gd name="connsiteX1" fmla="*/ 9247 w 94486"/>
                    <a:gd name="connsiteY1" fmla="*/ 60163 h 65414"/>
                    <a:gd name="connsiteX2" fmla="*/ 19442 w 94486"/>
                    <a:gd name="connsiteY2" fmla="*/ 64937 h 65414"/>
                    <a:gd name="connsiteX3" fmla="*/ 89236 w 94486"/>
                    <a:gd name="connsiteY3" fmla="*/ 39656 h 65414"/>
                    <a:gd name="connsiteX4" fmla="*/ 94009 w 94486"/>
                    <a:gd name="connsiteY4" fmla="*/ 29460 h 65414"/>
                    <a:gd name="connsiteX5" fmla="*/ 85240 w 94486"/>
                    <a:gd name="connsiteY5" fmla="*/ 5252 h 65414"/>
                    <a:gd name="connsiteX6" fmla="*/ 75045 w 94486"/>
                    <a:gd name="connsiteY6" fmla="*/ 478 h 65414"/>
                    <a:gd name="connsiteX7" fmla="*/ 5251 w 94486"/>
                    <a:gd name="connsiteY7" fmla="*/ 25758 h 65414"/>
                    <a:gd name="connsiteX8" fmla="*/ 478 w 94486"/>
                    <a:gd name="connsiteY8" fmla="*/ 35954 h 654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4486" h="65414">
                      <a:moveTo>
                        <a:pt x="478" y="35954"/>
                      </a:moveTo>
                      <a:lnTo>
                        <a:pt x="9247" y="60163"/>
                      </a:lnTo>
                      <a:cubicBezTo>
                        <a:pt x="10744" y="64296"/>
                        <a:pt x="15309" y="66434"/>
                        <a:pt x="19442" y="64937"/>
                      </a:cubicBezTo>
                      <a:lnTo>
                        <a:pt x="89236" y="39656"/>
                      </a:lnTo>
                      <a:cubicBezTo>
                        <a:pt x="93369" y="38159"/>
                        <a:pt x="95506" y="33594"/>
                        <a:pt x="94009" y="29460"/>
                      </a:cubicBezTo>
                      <a:lnTo>
                        <a:pt x="85240" y="5252"/>
                      </a:lnTo>
                      <a:cubicBezTo>
                        <a:pt x="83743" y="1118"/>
                        <a:pt x="79178" y="-1019"/>
                        <a:pt x="75045" y="478"/>
                      </a:cubicBezTo>
                      <a:lnTo>
                        <a:pt x="5251" y="25758"/>
                      </a:lnTo>
                      <a:cubicBezTo>
                        <a:pt x="1117" y="27256"/>
                        <a:pt x="-1019" y="31820"/>
                        <a:pt x="478" y="35954"/>
                      </a:cubicBezTo>
                      <a:close/>
                    </a:path>
                  </a:pathLst>
                </a:custGeom>
                <a:grpFill/>
                <a:ln w="9525" cap="rnd">
                  <a:solidFill>
                    <a:srgbClr val="FFA65F"/>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sp>
              <p:nvSpPr>
                <p:cNvPr id="21" name="Freeform: Shape 9">
                  <a:extLst>
                    <a:ext uri="{FF2B5EF4-FFF2-40B4-BE49-F238E27FC236}">
                      <a16:creationId xmlns:a16="http://schemas.microsoft.com/office/drawing/2014/main" id="{1516545A-4116-FE03-0B8F-D562224AB38C}"/>
                    </a:ext>
                  </a:extLst>
                </p:cNvPr>
                <p:cNvSpPr/>
                <p:nvPr/>
              </p:nvSpPr>
              <p:spPr>
                <a:xfrm>
                  <a:off x="2255916" y="4142353"/>
                  <a:ext cx="94487" cy="65414"/>
                </a:xfrm>
                <a:custGeom>
                  <a:avLst/>
                  <a:gdLst>
                    <a:gd name="connsiteX0" fmla="*/ 478 w 94487"/>
                    <a:gd name="connsiteY0" fmla="*/ 35954 h 65414"/>
                    <a:gd name="connsiteX1" fmla="*/ 9248 w 94487"/>
                    <a:gd name="connsiteY1" fmla="*/ 60163 h 65414"/>
                    <a:gd name="connsiteX2" fmla="*/ 19443 w 94487"/>
                    <a:gd name="connsiteY2" fmla="*/ 64937 h 65414"/>
                    <a:gd name="connsiteX3" fmla="*/ 89236 w 94487"/>
                    <a:gd name="connsiteY3" fmla="*/ 39656 h 65414"/>
                    <a:gd name="connsiteX4" fmla="*/ 94010 w 94487"/>
                    <a:gd name="connsiteY4" fmla="*/ 29461 h 65414"/>
                    <a:gd name="connsiteX5" fmla="*/ 85241 w 94487"/>
                    <a:gd name="connsiteY5" fmla="*/ 5252 h 65414"/>
                    <a:gd name="connsiteX6" fmla="*/ 75045 w 94487"/>
                    <a:gd name="connsiteY6" fmla="*/ 478 h 65414"/>
                    <a:gd name="connsiteX7" fmla="*/ 5252 w 94487"/>
                    <a:gd name="connsiteY7" fmla="*/ 25758 h 65414"/>
                    <a:gd name="connsiteX8" fmla="*/ 478 w 94487"/>
                    <a:gd name="connsiteY8" fmla="*/ 35954 h 654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4487" h="65414">
                      <a:moveTo>
                        <a:pt x="478" y="35954"/>
                      </a:moveTo>
                      <a:lnTo>
                        <a:pt x="9248" y="60163"/>
                      </a:lnTo>
                      <a:cubicBezTo>
                        <a:pt x="10745" y="64297"/>
                        <a:pt x="15309" y="66434"/>
                        <a:pt x="19443" y="64937"/>
                      </a:cubicBezTo>
                      <a:lnTo>
                        <a:pt x="89236" y="39656"/>
                      </a:lnTo>
                      <a:cubicBezTo>
                        <a:pt x="93370" y="38159"/>
                        <a:pt x="95507" y="33594"/>
                        <a:pt x="94010" y="29461"/>
                      </a:cubicBezTo>
                      <a:lnTo>
                        <a:pt x="85241" y="5252"/>
                      </a:lnTo>
                      <a:cubicBezTo>
                        <a:pt x="83744" y="1118"/>
                        <a:pt x="79179" y="-1019"/>
                        <a:pt x="75045" y="478"/>
                      </a:cubicBezTo>
                      <a:lnTo>
                        <a:pt x="5252" y="25758"/>
                      </a:lnTo>
                      <a:cubicBezTo>
                        <a:pt x="1118" y="27256"/>
                        <a:pt x="-1019" y="31821"/>
                        <a:pt x="478" y="35954"/>
                      </a:cubicBezTo>
                      <a:close/>
                    </a:path>
                  </a:pathLst>
                </a:custGeom>
                <a:grpFill/>
                <a:ln w="9525" cap="rnd">
                  <a:solidFill>
                    <a:srgbClr val="FFA65F"/>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grpSp>
          <p:sp>
            <p:nvSpPr>
              <p:cNvPr id="17" name="Freeform: Shape 5">
                <a:extLst>
                  <a:ext uri="{FF2B5EF4-FFF2-40B4-BE49-F238E27FC236}">
                    <a16:creationId xmlns:a16="http://schemas.microsoft.com/office/drawing/2014/main" id="{6111ED18-0668-556F-A26E-90AD5C8D924C}"/>
                  </a:ext>
                </a:extLst>
              </p:cNvPr>
              <p:cNvSpPr/>
              <p:nvPr/>
            </p:nvSpPr>
            <p:spPr>
              <a:xfrm>
                <a:off x="1950275" y="4104903"/>
                <a:ext cx="305683" cy="134728"/>
              </a:xfrm>
              <a:custGeom>
                <a:avLst/>
                <a:gdLst>
                  <a:gd name="connsiteX0" fmla="*/ 305683 w 305683"/>
                  <a:gd name="connsiteY0" fmla="*/ 29305 h 134728"/>
                  <a:gd name="connsiteX1" fmla="*/ 20291 w 305683"/>
                  <a:gd name="connsiteY1" fmla="*/ 133848 h 134728"/>
                  <a:gd name="connsiteX2" fmla="*/ 1506 w 305683"/>
                  <a:gd name="connsiteY2" fmla="*/ 125053 h 134728"/>
                  <a:gd name="connsiteX3" fmla="*/ 881 w 305683"/>
                  <a:gd name="connsiteY3" fmla="*/ 123328 h 134728"/>
                  <a:gd name="connsiteX4" fmla="*/ 9676 w 305683"/>
                  <a:gd name="connsiteY4" fmla="*/ 104543 h 134728"/>
                  <a:gd name="connsiteX5" fmla="*/ 295068 w 305683"/>
                  <a:gd name="connsiteY5" fmla="*/ 0 h 1347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05683" h="134728">
                    <a:moveTo>
                      <a:pt x="305683" y="29305"/>
                    </a:moveTo>
                    <a:lnTo>
                      <a:pt x="20291" y="133848"/>
                    </a:lnTo>
                    <a:cubicBezTo>
                      <a:pt x="12675" y="136607"/>
                      <a:pt x="4264" y="132669"/>
                      <a:pt x="1506" y="125053"/>
                    </a:cubicBezTo>
                    <a:lnTo>
                      <a:pt x="881" y="123328"/>
                    </a:lnTo>
                    <a:cubicBezTo>
                      <a:pt x="-1878" y="115712"/>
                      <a:pt x="2060" y="107301"/>
                      <a:pt x="9676" y="104543"/>
                    </a:cubicBezTo>
                    <a:lnTo>
                      <a:pt x="295068" y="0"/>
                    </a:lnTo>
                  </a:path>
                </a:pathLst>
              </a:custGeom>
              <a:grpFill/>
              <a:ln w="9525" cap="rnd">
                <a:solidFill>
                  <a:srgbClr val="FFA65F"/>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grpSp>
      </p:grpSp>
      <p:grpSp>
        <p:nvGrpSpPr>
          <p:cNvPr id="26" name="volume-x">
            <a:extLst>
              <a:ext uri="{FF2B5EF4-FFF2-40B4-BE49-F238E27FC236}">
                <a16:creationId xmlns:a16="http://schemas.microsoft.com/office/drawing/2014/main" id="{5F92FE03-93FF-549E-C368-4276CA912FD0}"/>
              </a:ext>
            </a:extLst>
          </p:cNvPr>
          <p:cNvGrpSpPr>
            <a:grpSpLocks noChangeAspect="1"/>
          </p:cNvGrpSpPr>
          <p:nvPr/>
        </p:nvGrpSpPr>
        <p:grpSpPr>
          <a:xfrm>
            <a:off x="3989766" y="3338990"/>
            <a:ext cx="567063" cy="378042"/>
            <a:chOff x="7531100" y="158750"/>
            <a:chExt cx="400050" cy="266700"/>
          </a:xfrm>
        </p:grpSpPr>
        <p:sp>
          <p:nvSpPr>
            <p:cNvPr id="27" name="Freeform: Shape 2">
              <a:extLst>
                <a:ext uri="{FF2B5EF4-FFF2-40B4-BE49-F238E27FC236}">
                  <a16:creationId xmlns:a16="http://schemas.microsoft.com/office/drawing/2014/main" id="{A70964FD-35AC-6498-8387-9A887AB835F6}"/>
                </a:ext>
              </a:extLst>
            </p:cNvPr>
            <p:cNvSpPr/>
            <p:nvPr/>
          </p:nvSpPr>
          <p:spPr>
            <a:xfrm>
              <a:off x="7531100" y="158750"/>
              <a:ext cx="171450" cy="266700"/>
            </a:xfrm>
            <a:custGeom>
              <a:avLst/>
              <a:gdLst>
                <a:gd name="connsiteX0" fmla="*/ 171450 w 171450"/>
                <a:gd name="connsiteY0" fmla="*/ 0 h 266700"/>
                <a:gd name="connsiteX1" fmla="*/ 76200 w 171450"/>
                <a:gd name="connsiteY1" fmla="*/ 76200 h 266700"/>
                <a:gd name="connsiteX2" fmla="*/ 0 w 171450"/>
                <a:gd name="connsiteY2" fmla="*/ 76200 h 266700"/>
                <a:gd name="connsiteX3" fmla="*/ 0 w 171450"/>
                <a:gd name="connsiteY3" fmla="*/ 190500 h 266700"/>
                <a:gd name="connsiteX4" fmla="*/ 76200 w 171450"/>
                <a:gd name="connsiteY4" fmla="*/ 190500 h 266700"/>
                <a:gd name="connsiteX5" fmla="*/ 171450 w 171450"/>
                <a:gd name="connsiteY5" fmla="*/ 266700 h 266700"/>
                <a:gd name="connsiteX6" fmla="*/ 171450 w 171450"/>
                <a:gd name="connsiteY6" fmla="*/ 0 h 2667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71450" h="266700">
                  <a:moveTo>
                    <a:pt x="171450" y="0"/>
                  </a:moveTo>
                  <a:lnTo>
                    <a:pt x="76200" y="76200"/>
                  </a:lnTo>
                  <a:lnTo>
                    <a:pt x="0" y="76200"/>
                  </a:lnTo>
                  <a:lnTo>
                    <a:pt x="0" y="190500"/>
                  </a:lnTo>
                  <a:lnTo>
                    <a:pt x="76200" y="190500"/>
                  </a:lnTo>
                  <a:lnTo>
                    <a:pt x="171450" y="266700"/>
                  </a:lnTo>
                  <a:lnTo>
                    <a:pt x="171450" y="0"/>
                  </a:lnTo>
                  <a:close/>
                </a:path>
              </a:pathLst>
            </a:custGeom>
            <a:noFill/>
            <a:ln w="12700" cap="rnd">
              <a:solidFill>
                <a:schemeClr val="tx1"/>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sp>
          <p:nvSpPr>
            <p:cNvPr id="28" name="Freeform: Shape 3">
              <a:extLst>
                <a:ext uri="{FF2B5EF4-FFF2-40B4-BE49-F238E27FC236}">
                  <a16:creationId xmlns:a16="http://schemas.microsoft.com/office/drawing/2014/main" id="{F4E8B9FF-51F4-CBA4-114A-BAA872E5FFF7}"/>
                </a:ext>
              </a:extLst>
            </p:cNvPr>
            <p:cNvSpPr/>
            <p:nvPr/>
          </p:nvSpPr>
          <p:spPr>
            <a:xfrm>
              <a:off x="7816850" y="234950"/>
              <a:ext cx="114300" cy="114300"/>
            </a:xfrm>
            <a:custGeom>
              <a:avLst/>
              <a:gdLst>
                <a:gd name="connsiteX0" fmla="*/ 114300 w 114300"/>
                <a:gd name="connsiteY0" fmla="*/ 0 h 114300"/>
                <a:gd name="connsiteX1" fmla="*/ 0 w 114300"/>
                <a:gd name="connsiteY1" fmla="*/ 114300 h 114300"/>
              </a:gdLst>
              <a:ahLst/>
              <a:cxnLst>
                <a:cxn ang="0">
                  <a:pos x="connsiteX0" y="connsiteY0"/>
                </a:cxn>
                <a:cxn ang="0">
                  <a:pos x="connsiteX1" y="connsiteY1"/>
                </a:cxn>
              </a:cxnLst>
              <a:rect l="l" t="t" r="r" b="b"/>
              <a:pathLst>
                <a:path w="114300" h="114300">
                  <a:moveTo>
                    <a:pt x="114300" y="0"/>
                  </a:moveTo>
                  <a:lnTo>
                    <a:pt x="0" y="114300"/>
                  </a:lnTo>
                </a:path>
              </a:pathLst>
            </a:custGeom>
            <a:ln w="12700" cap="rnd">
              <a:solidFill>
                <a:schemeClr val="tx1"/>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sp>
          <p:nvSpPr>
            <p:cNvPr id="29" name="Freeform: Shape 4">
              <a:extLst>
                <a:ext uri="{FF2B5EF4-FFF2-40B4-BE49-F238E27FC236}">
                  <a16:creationId xmlns:a16="http://schemas.microsoft.com/office/drawing/2014/main" id="{ED90EC7B-1524-151F-A8A7-719C40CCC020}"/>
                </a:ext>
              </a:extLst>
            </p:cNvPr>
            <p:cNvSpPr/>
            <p:nvPr/>
          </p:nvSpPr>
          <p:spPr>
            <a:xfrm>
              <a:off x="7816850" y="234950"/>
              <a:ext cx="114300" cy="114300"/>
            </a:xfrm>
            <a:custGeom>
              <a:avLst/>
              <a:gdLst>
                <a:gd name="connsiteX0" fmla="*/ 0 w 114300"/>
                <a:gd name="connsiteY0" fmla="*/ 0 h 114300"/>
                <a:gd name="connsiteX1" fmla="*/ 114300 w 114300"/>
                <a:gd name="connsiteY1" fmla="*/ 114300 h 114300"/>
              </a:gdLst>
              <a:ahLst/>
              <a:cxnLst>
                <a:cxn ang="0">
                  <a:pos x="connsiteX0" y="connsiteY0"/>
                </a:cxn>
                <a:cxn ang="0">
                  <a:pos x="connsiteX1" y="connsiteY1"/>
                </a:cxn>
              </a:cxnLst>
              <a:rect l="l" t="t" r="r" b="b"/>
              <a:pathLst>
                <a:path w="114300" h="114300">
                  <a:moveTo>
                    <a:pt x="0" y="0"/>
                  </a:moveTo>
                  <a:lnTo>
                    <a:pt x="114300" y="114300"/>
                  </a:lnTo>
                </a:path>
              </a:pathLst>
            </a:custGeom>
            <a:ln w="12700" cap="rnd">
              <a:solidFill>
                <a:schemeClr val="tx1"/>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grpSp>
      <p:cxnSp>
        <p:nvCxnSpPr>
          <p:cNvPr id="31" name="Gerade Verbindung mit Pfeil 30">
            <a:extLst>
              <a:ext uri="{FF2B5EF4-FFF2-40B4-BE49-F238E27FC236}">
                <a16:creationId xmlns:a16="http://schemas.microsoft.com/office/drawing/2014/main" id="{DCA3416D-942B-56BC-B2F4-A82208879C40}"/>
              </a:ext>
            </a:extLst>
          </p:cNvPr>
          <p:cNvCxnSpPr>
            <a:cxnSpLocks/>
          </p:cNvCxnSpPr>
          <p:nvPr/>
        </p:nvCxnSpPr>
        <p:spPr>
          <a:xfrm>
            <a:off x="4664841" y="3501008"/>
            <a:ext cx="1863207" cy="1224136"/>
          </a:xfrm>
          <a:prstGeom prst="straightConnector1">
            <a:avLst/>
          </a:prstGeom>
          <a:ln w="12700">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sp>
        <p:nvSpPr>
          <p:cNvPr id="34" name="Untertitel 2">
            <a:extLst>
              <a:ext uri="{FF2B5EF4-FFF2-40B4-BE49-F238E27FC236}">
                <a16:creationId xmlns:a16="http://schemas.microsoft.com/office/drawing/2014/main" id="{092788E4-0DB8-8DF7-5C35-0110EE9B09B7}"/>
              </a:ext>
            </a:extLst>
          </p:cNvPr>
          <p:cNvSpPr>
            <a:spLocks noGrp="1"/>
          </p:cNvSpPr>
          <p:nvPr>
            <p:ph type="subTitle" idx="13"/>
          </p:nvPr>
        </p:nvSpPr>
        <p:spPr>
          <a:xfrm>
            <a:off x="334963" y="222250"/>
            <a:ext cx="9361487" cy="244475"/>
          </a:xfrm>
        </p:spPr>
        <p:txBody>
          <a:bodyPr/>
          <a:lstStyle/>
          <a:p>
            <a:r>
              <a:rPr lang="fr-CH" dirty="0">
                <a:latin typeface="Arial" panose="020B0604020202020204" pitchFamily="34" charset="0"/>
                <a:cs typeface="Arial" panose="020B0604020202020204" pitchFamily="34" charset="0"/>
              </a:rPr>
              <a:t>II.	Exploitabilité des faits exorbitants</a:t>
            </a:r>
          </a:p>
        </p:txBody>
      </p:sp>
      <p:sp>
        <p:nvSpPr>
          <p:cNvPr id="3" name="Textfeld 2">
            <a:extLst>
              <a:ext uri="{FF2B5EF4-FFF2-40B4-BE49-F238E27FC236}">
                <a16:creationId xmlns:a16="http://schemas.microsoft.com/office/drawing/2014/main" id="{EEA11998-7A7D-B6E6-D19E-C7EA29A5EA99}"/>
              </a:ext>
            </a:extLst>
          </p:cNvPr>
          <p:cNvSpPr txBox="1"/>
          <p:nvPr/>
        </p:nvSpPr>
        <p:spPr>
          <a:xfrm>
            <a:off x="11496600" y="260648"/>
            <a:ext cx="504056" cy="1584176"/>
          </a:xfrm>
          <a:prstGeom prst="rect">
            <a:avLst/>
          </a:prstGeom>
          <a:solidFill>
            <a:schemeClr val="bg1"/>
          </a:solidFill>
        </p:spPr>
        <p:txBody>
          <a:bodyPr wrap="square" lIns="0" tIns="0" rIns="0" bIns="0" rtlCol="0">
            <a:spAutoFit/>
          </a:bodyPr>
          <a:lstStyle/>
          <a:p>
            <a:pPr algn="l"/>
            <a:endParaRPr lang="de-CH" dirty="0" err="1"/>
          </a:p>
        </p:txBody>
      </p:sp>
      <p:sp>
        <p:nvSpPr>
          <p:cNvPr id="22" name="Titel 8">
            <a:extLst>
              <a:ext uri="{FF2B5EF4-FFF2-40B4-BE49-F238E27FC236}">
                <a16:creationId xmlns:a16="http://schemas.microsoft.com/office/drawing/2014/main" id="{CCD27FC1-E596-006D-ABAE-034718B84F36}"/>
              </a:ext>
            </a:extLst>
          </p:cNvPr>
          <p:cNvSpPr txBox="1">
            <a:spLocks/>
          </p:cNvSpPr>
          <p:nvPr/>
        </p:nvSpPr>
        <p:spPr>
          <a:xfrm>
            <a:off x="334963" y="476672"/>
            <a:ext cx="9360000" cy="461982"/>
          </a:xfrm>
          <a:prstGeom prst="rect">
            <a:avLst/>
          </a:prstGeom>
        </p:spPr>
        <p:txBody>
          <a:bodyPr vert="horz" lIns="0" tIns="0" rIns="0" bIns="0" rtlCol="0" anchor="t">
            <a:noAutofit/>
          </a:bodyPr>
          <a:lstStyle>
            <a:lvl1pPr algn="l" defTabSz="914400" rtl="0" eaLnBrk="1" latinLnBrk="0" hangingPunct="1">
              <a:lnSpc>
                <a:spcPct val="90000"/>
              </a:lnSpc>
              <a:spcBef>
                <a:spcPct val="0"/>
              </a:spcBef>
              <a:buNone/>
              <a:tabLst>
                <a:tab pos="270000" algn="l"/>
              </a:tabLst>
              <a:defRPr sz="1000" b="1" kern="1200">
                <a:solidFill>
                  <a:schemeClr val="tx1"/>
                </a:solidFill>
                <a:latin typeface="+mj-lt"/>
                <a:ea typeface="+mj-ea"/>
                <a:cs typeface="+mj-cs"/>
              </a:defRPr>
            </a:lvl1pPr>
          </a:lstStyle>
          <a:p>
            <a:r>
              <a:rPr lang="fr-CH" dirty="0">
                <a:latin typeface="Arial" panose="020B0604020202020204" pitchFamily="34" charset="0"/>
                <a:cs typeface="Arial" panose="020B0604020202020204" pitchFamily="34" charset="0"/>
              </a:rPr>
              <a:t>A.	Etat des lieux de la controverse</a:t>
            </a:r>
          </a:p>
        </p:txBody>
      </p:sp>
    </p:spTree>
    <p:extLst>
      <p:ext uri="{BB962C8B-B14F-4D97-AF65-F5344CB8AC3E}">
        <p14:creationId xmlns:p14="http://schemas.microsoft.com/office/powerpoint/2010/main" val="338297772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D8812C0-20E0-AB21-AFC5-E39DD7445D05}"/>
              </a:ext>
            </a:extLst>
          </p:cNvPr>
          <p:cNvSpPr>
            <a:spLocks noGrp="1"/>
          </p:cNvSpPr>
          <p:nvPr>
            <p:ph type="title"/>
          </p:nvPr>
        </p:nvSpPr>
        <p:spPr>
          <a:xfrm>
            <a:off x="335360" y="446738"/>
            <a:ext cx="9360000" cy="461982"/>
          </a:xfrm>
        </p:spPr>
        <p:txBody>
          <a:bodyPr/>
          <a:lstStyle/>
          <a:p>
            <a:r>
              <a:rPr lang="fr-CH" b="0" dirty="0">
                <a:latin typeface="Arial" panose="020B0604020202020204" pitchFamily="34" charset="0"/>
                <a:cs typeface="Arial" panose="020B0604020202020204" pitchFamily="34" charset="0"/>
              </a:rPr>
              <a:t>B.	Solution proposée</a:t>
            </a:r>
            <a:br>
              <a:rPr lang="fr-CH" dirty="0">
                <a:latin typeface="Arial" panose="020B0604020202020204" pitchFamily="34" charset="0"/>
                <a:cs typeface="Arial" panose="020B0604020202020204" pitchFamily="34" charset="0"/>
              </a:rPr>
            </a:br>
            <a:r>
              <a:rPr lang="fr-CH" dirty="0">
                <a:latin typeface="Arial" panose="020B0604020202020204" pitchFamily="34" charset="0"/>
                <a:cs typeface="Arial" panose="020B0604020202020204" pitchFamily="34" charset="0"/>
              </a:rPr>
              <a:t>1.	Notion et délimitation</a:t>
            </a:r>
          </a:p>
        </p:txBody>
      </p:sp>
      <p:sp>
        <p:nvSpPr>
          <p:cNvPr id="4" name="Inhaltsplatzhalter 3">
            <a:extLst>
              <a:ext uri="{FF2B5EF4-FFF2-40B4-BE49-F238E27FC236}">
                <a16:creationId xmlns:a16="http://schemas.microsoft.com/office/drawing/2014/main" id="{3C4B912E-0EF4-C5DD-F3AF-60BB4DA8A85B}"/>
              </a:ext>
            </a:extLst>
          </p:cNvPr>
          <p:cNvSpPr>
            <a:spLocks noGrp="1"/>
          </p:cNvSpPr>
          <p:nvPr>
            <p:ph sz="half" idx="2"/>
          </p:nvPr>
        </p:nvSpPr>
        <p:spPr>
          <a:xfrm>
            <a:off x="6051460" y="1949804"/>
            <a:ext cx="4824015" cy="4033837"/>
          </a:xfrm>
        </p:spPr>
        <p:txBody>
          <a:bodyPr/>
          <a:lstStyle/>
          <a:p>
            <a:pPr algn="just"/>
            <a:endParaRPr lang="fr-CH" kern="100" dirty="0">
              <a:latin typeface="Arial" panose="020B0604020202020204" pitchFamily="34" charset="0"/>
              <a:ea typeface="Calibri" panose="020F0502020204030204" pitchFamily="34" charset="0"/>
              <a:cs typeface="Arial" panose="020B0604020202020204" pitchFamily="34" charset="0"/>
            </a:endParaRPr>
          </a:p>
          <a:p>
            <a:pPr algn="just"/>
            <a:endParaRPr lang="fr-CH" sz="1200" kern="100" dirty="0">
              <a:effectLst/>
              <a:latin typeface="Arial" panose="020B0604020202020204" pitchFamily="34" charset="0"/>
              <a:ea typeface="Calibri" panose="020F0502020204030204" pitchFamily="34" charset="0"/>
              <a:cs typeface="Arial" panose="020B0604020202020204" pitchFamily="34" charset="0"/>
            </a:endParaRPr>
          </a:p>
          <a:p>
            <a:pPr algn="just"/>
            <a:endParaRPr lang="fr-CH" sz="1200" kern="100" dirty="0">
              <a:effectLst/>
              <a:latin typeface="Arial" panose="020B0604020202020204" pitchFamily="34" charset="0"/>
              <a:ea typeface="Calibri" panose="020F0502020204030204" pitchFamily="34" charset="0"/>
              <a:cs typeface="Arial" panose="020B0604020202020204" pitchFamily="34" charset="0"/>
            </a:endParaRPr>
          </a:p>
          <a:p>
            <a:pPr algn="just"/>
            <a:endParaRPr lang="fr-CH" sz="1200" kern="100" dirty="0">
              <a:effectLst/>
              <a:latin typeface="Arial" panose="020B0604020202020204" pitchFamily="34" charset="0"/>
              <a:ea typeface="Calibri" panose="020F0502020204030204" pitchFamily="34" charset="0"/>
              <a:cs typeface="Arial" panose="020B0604020202020204" pitchFamily="34" charset="0"/>
            </a:endParaRPr>
          </a:p>
          <a:p>
            <a:pPr algn="just"/>
            <a:endParaRPr lang="fr-CH" sz="1200" kern="100" dirty="0">
              <a:effectLst/>
              <a:latin typeface="Arial" panose="020B0604020202020204" pitchFamily="34" charset="0"/>
              <a:ea typeface="Calibri" panose="020F0502020204030204" pitchFamily="34" charset="0"/>
              <a:cs typeface="Arial" panose="020B0604020202020204" pitchFamily="34" charset="0"/>
            </a:endParaRPr>
          </a:p>
          <a:p>
            <a:endParaRPr lang="fr-CH" dirty="0">
              <a:latin typeface="Arial" panose="020B0604020202020204" pitchFamily="34" charset="0"/>
              <a:cs typeface="Arial" panose="020B0604020202020204" pitchFamily="34" charset="0"/>
            </a:endParaRPr>
          </a:p>
        </p:txBody>
      </p:sp>
      <p:sp>
        <p:nvSpPr>
          <p:cNvPr id="6" name="Foliennummernplatzhalter 5">
            <a:extLst>
              <a:ext uri="{FF2B5EF4-FFF2-40B4-BE49-F238E27FC236}">
                <a16:creationId xmlns:a16="http://schemas.microsoft.com/office/drawing/2014/main" id="{198BE53D-085B-3A26-4C27-B3014DB7BDFE}"/>
              </a:ext>
            </a:extLst>
          </p:cNvPr>
          <p:cNvSpPr>
            <a:spLocks noGrp="1"/>
          </p:cNvSpPr>
          <p:nvPr>
            <p:ph type="sldNum" sz="quarter" idx="14"/>
          </p:nvPr>
        </p:nvSpPr>
        <p:spPr/>
        <p:txBody>
          <a:bodyPr/>
          <a:lstStyle/>
          <a:p>
            <a:fld id="{19809D7B-43F8-41D1-945E-D0BD3916A643}" type="slidenum">
              <a:rPr lang="fr-CH" smtClean="0">
                <a:latin typeface="Arial" panose="020B0604020202020204" pitchFamily="34" charset="0"/>
                <a:cs typeface="Arial" panose="020B0604020202020204" pitchFamily="34" charset="0"/>
              </a:rPr>
              <a:pPr/>
              <a:t>8</a:t>
            </a:fld>
            <a:endParaRPr lang="fr-CH" dirty="0">
              <a:latin typeface="Arial" panose="020B0604020202020204" pitchFamily="34" charset="0"/>
              <a:cs typeface="Arial" panose="020B0604020202020204" pitchFamily="34" charset="0"/>
            </a:endParaRPr>
          </a:p>
        </p:txBody>
      </p:sp>
      <p:sp>
        <p:nvSpPr>
          <p:cNvPr id="26" name="Textfeld 25">
            <a:extLst>
              <a:ext uri="{FF2B5EF4-FFF2-40B4-BE49-F238E27FC236}">
                <a16:creationId xmlns:a16="http://schemas.microsoft.com/office/drawing/2014/main" id="{48953EBA-8FE6-6B55-BF44-F6570411DA92}"/>
              </a:ext>
            </a:extLst>
          </p:cNvPr>
          <p:cNvSpPr txBox="1"/>
          <p:nvPr/>
        </p:nvSpPr>
        <p:spPr>
          <a:xfrm>
            <a:off x="5886770" y="5242034"/>
            <a:ext cx="2657502" cy="246221"/>
          </a:xfrm>
          <a:prstGeom prst="rect">
            <a:avLst/>
          </a:prstGeom>
          <a:noFill/>
        </p:spPr>
        <p:txBody>
          <a:bodyPr wrap="square" lIns="0" tIns="0" rIns="0" bIns="0" rtlCol="0">
            <a:spAutoFit/>
          </a:bodyPr>
          <a:lstStyle/>
          <a:p>
            <a:pPr algn="ctr">
              <a:lnSpc>
                <a:spcPct val="99600"/>
              </a:lnSpc>
            </a:pPr>
            <a:r>
              <a:rPr lang="fr-CH" sz="1600" b="1" i="1" dirty="0">
                <a:solidFill>
                  <a:schemeClr val="accent3">
                    <a:lumMod val="75000"/>
                  </a:schemeClr>
                </a:solidFill>
                <a:latin typeface="Arial" panose="020B0604020202020204" pitchFamily="34" charset="0"/>
                <a:cs typeface="Arial" panose="020B0604020202020204" pitchFamily="34" charset="0"/>
              </a:rPr>
              <a:t>Cadre des allégués</a:t>
            </a:r>
          </a:p>
        </p:txBody>
      </p:sp>
      <p:sp>
        <p:nvSpPr>
          <p:cNvPr id="25" name="Teilkreis 24">
            <a:extLst>
              <a:ext uri="{FF2B5EF4-FFF2-40B4-BE49-F238E27FC236}">
                <a16:creationId xmlns:a16="http://schemas.microsoft.com/office/drawing/2014/main" id="{C9B8CF8B-C125-5257-63D2-F3EF4C4F86C1}"/>
              </a:ext>
            </a:extLst>
          </p:cNvPr>
          <p:cNvSpPr/>
          <p:nvPr/>
        </p:nvSpPr>
        <p:spPr>
          <a:xfrm rot="5400000" flipH="1">
            <a:off x="7351403" y="940388"/>
            <a:ext cx="2495275" cy="5150097"/>
          </a:xfrm>
          <a:prstGeom prst="pie">
            <a:avLst>
              <a:gd name="adj1" fmla="val 36732"/>
              <a:gd name="adj2" fmla="val 10765314"/>
            </a:avLst>
          </a:prstGeom>
          <a:solidFill>
            <a:srgbClr val="92D050"/>
          </a:solidFill>
          <a:ln w="1905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sz="1200" dirty="0" err="1">
              <a:solidFill>
                <a:schemeClr val="tx1"/>
              </a:solidFill>
              <a:latin typeface="Arial" panose="020B0604020202020204" pitchFamily="34" charset="0"/>
              <a:cs typeface="Arial" panose="020B0604020202020204" pitchFamily="34" charset="0"/>
            </a:endParaRPr>
          </a:p>
        </p:txBody>
      </p:sp>
      <p:sp>
        <p:nvSpPr>
          <p:cNvPr id="27" name="Teilkreis 26">
            <a:extLst>
              <a:ext uri="{FF2B5EF4-FFF2-40B4-BE49-F238E27FC236}">
                <a16:creationId xmlns:a16="http://schemas.microsoft.com/office/drawing/2014/main" id="{F9225A86-C5DD-9A5A-E394-53D18CECEC8F}"/>
              </a:ext>
            </a:extLst>
          </p:cNvPr>
          <p:cNvSpPr/>
          <p:nvPr/>
        </p:nvSpPr>
        <p:spPr>
          <a:xfrm rot="16200000" flipH="1">
            <a:off x="7313873" y="940387"/>
            <a:ext cx="2495276" cy="5150097"/>
          </a:xfrm>
          <a:prstGeom prst="pie">
            <a:avLst>
              <a:gd name="adj1" fmla="val 1"/>
              <a:gd name="adj2" fmla="val 10795749"/>
            </a:avLst>
          </a:prstGeom>
          <a:solidFill>
            <a:schemeClr val="accent1">
              <a:lumMod val="60000"/>
              <a:lumOff val="40000"/>
            </a:schemeClr>
          </a:solidFill>
          <a:ln w="1905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r-CH" sz="1200" dirty="0" err="1">
              <a:solidFill>
                <a:schemeClr val="tx1"/>
              </a:solidFill>
              <a:latin typeface="Arial" panose="020B0604020202020204" pitchFamily="34" charset="0"/>
              <a:cs typeface="Arial" panose="020B0604020202020204" pitchFamily="34" charset="0"/>
            </a:endParaRPr>
          </a:p>
        </p:txBody>
      </p:sp>
      <p:sp>
        <p:nvSpPr>
          <p:cNvPr id="30" name="Textfeld 29">
            <a:extLst>
              <a:ext uri="{FF2B5EF4-FFF2-40B4-BE49-F238E27FC236}">
                <a16:creationId xmlns:a16="http://schemas.microsoft.com/office/drawing/2014/main" id="{E3D53C65-71A1-352E-1CE2-5C9BAEBFE00A}"/>
              </a:ext>
            </a:extLst>
          </p:cNvPr>
          <p:cNvSpPr txBox="1"/>
          <p:nvPr/>
        </p:nvSpPr>
        <p:spPr>
          <a:xfrm>
            <a:off x="6384032" y="3376935"/>
            <a:ext cx="1945654" cy="276999"/>
          </a:xfrm>
          <a:prstGeom prst="rect">
            <a:avLst/>
          </a:prstGeom>
          <a:noFill/>
        </p:spPr>
        <p:txBody>
          <a:bodyPr wrap="square" lIns="0" tIns="0" rIns="0" bIns="0" rtlCol="0">
            <a:spAutoFit/>
          </a:bodyPr>
          <a:lstStyle/>
          <a:p>
            <a:pPr algn="l"/>
            <a:r>
              <a:rPr lang="fr-CH" b="1" dirty="0">
                <a:latin typeface="Arial" panose="020B0604020202020204" pitchFamily="34" charset="0"/>
                <a:cs typeface="Arial" panose="020B0604020202020204" pitchFamily="34" charset="0"/>
              </a:rPr>
              <a:t>au sens impropre</a:t>
            </a:r>
          </a:p>
        </p:txBody>
      </p:sp>
      <p:sp>
        <p:nvSpPr>
          <p:cNvPr id="31" name="Textfeld 30">
            <a:extLst>
              <a:ext uri="{FF2B5EF4-FFF2-40B4-BE49-F238E27FC236}">
                <a16:creationId xmlns:a16="http://schemas.microsoft.com/office/drawing/2014/main" id="{C05FBC89-1875-F487-E986-1C2E64177A93}"/>
              </a:ext>
            </a:extLst>
          </p:cNvPr>
          <p:cNvSpPr txBox="1"/>
          <p:nvPr/>
        </p:nvSpPr>
        <p:spPr>
          <a:xfrm>
            <a:off x="8760296" y="3376937"/>
            <a:ext cx="1800200" cy="276999"/>
          </a:xfrm>
          <a:prstGeom prst="rect">
            <a:avLst/>
          </a:prstGeom>
          <a:noFill/>
        </p:spPr>
        <p:txBody>
          <a:bodyPr wrap="square" lIns="0" tIns="0" rIns="0" bIns="0" rtlCol="0">
            <a:spAutoFit/>
          </a:bodyPr>
          <a:lstStyle/>
          <a:p>
            <a:pPr algn="l"/>
            <a:r>
              <a:rPr lang="fr-CH" b="1" dirty="0">
                <a:latin typeface="Arial" panose="020B0604020202020204" pitchFamily="34" charset="0"/>
                <a:cs typeface="Arial" panose="020B0604020202020204" pitchFamily="34" charset="0"/>
              </a:rPr>
              <a:t>au sens propre</a:t>
            </a:r>
          </a:p>
        </p:txBody>
      </p:sp>
      <p:sp>
        <p:nvSpPr>
          <p:cNvPr id="36" name="Textfeld 35">
            <a:extLst>
              <a:ext uri="{FF2B5EF4-FFF2-40B4-BE49-F238E27FC236}">
                <a16:creationId xmlns:a16="http://schemas.microsoft.com/office/drawing/2014/main" id="{913548D6-55C2-045C-C379-F0A18DDC21B1}"/>
              </a:ext>
            </a:extLst>
          </p:cNvPr>
          <p:cNvSpPr txBox="1"/>
          <p:nvPr/>
        </p:nvSpPr>
        <p:spPr>
          <a:xfrm>
            <a:off x="7635945" y="2599737"/>
            <a:ext cx="1945654" cy="553998"/>
          </a:xfrm>
          <a:prstGeom prst="rect">
            <a:avLst/>
          </a:prstGeom>
          <a:noFill/>
          <a:ln w="19050">
            <a:solidFill>
              <a:schemeClr val="tx1"/>
            </a:solidFill>
            <a:prstDash val="dash"/>
          </a:ln>
        </p:spPr>
        <p:txBody>
          <a:bodyPr wrap="square" lIns="0" tIns="0" rIns="0" bIns="0" rtlCol="0">
            <a:spAutoFit/>
          </a:bodyPr>
          <a:lstStyle/>
          <a:p>
            <a:pPr algn="ctr"/>
            <a:r>
              <a:rPr lang="fr-CH" b="1" dirty="0">
                <a:latin typeface="Arial" panose="020B0604020202020204" pitchFamily="34" charset="0"/>
                <a:cs typeface="Arial" panose="020B0604020202020204" pitchFamily="34" charset="0"/>
              </a:rPr>
              <a:t>Faits   exorbitants</a:t>
            </a:r>
          </a:p>
        </p:txBody>
      </p:sp>
      <p:sp>
        <p:nvSpPr>
          <p:cNvPr id="37" name="Textfeld 36">
            <a:extLst>
              <a:ext uri="{FF2B5EF4-FFF2-40B4-BE49-F238E27FC236}">
                <a16:creationId xmlns:a16="http://schemas.microsoft.com/office/drawing/2014/main" id="{5E115772-CE25-D6B1-A63E-E8BF358E655D}"/>
              </a:ext>
            </a:extLst>
          </p:cNvPr>
          <p:cNvSpPr txBox="1"/>
          <p:nvPr/>
        </p:nvSpPr>
        <p:spPr>
          <a:xfrm>
            <a:off x="334962" y="1389712"/>
            <a:ext cx="5112966" cy="338554"/>
          </a:xfrm>
          <a:prstGeom prst="rect">
            <a:avLst/>
          </a:prstGeom>
          <a:noFill/>
          <a:ln w="19050">
            <a:solidFill>
              <a:schemeClr val="tx1"/>
            </a:solidFill>
          </a:ln>
        </p:spPr>
        <p:txBody>
          <a:bodyPr wrap="square">
            <a:spAutoFit/>
          </a:bodyPr>
          <a:lstStyle/>
          <a:p>
            <a:pPr algn="ctr"/>
            <a:r>
              <a:rPr lang="fr-CH" sz="1600" b="1" dirty="0">
                <a:latin typeface="Arial" panose="020B0604020202020204" pitchFamily="34" charset="0"/>
                <a:cs typeface="Arial" panose="020B0604020202020204" pitchFamily="34" charset="0"/>
              </a:rPr>
              <a:t>Notion large du fait exorbitant</a:t>
            </a:r>
          </a:p>
        </p:txBody>
      </p:sp>
      <p:sp>
        <p:nvSpPr>
          <p:cNvPr id="35" name="Shape_1001">
            <a:extLst>
              <a:ext uri="{FF2B5EF4-FFF2-40B4-BE49-F238E27FC236}">
                <a16:creationId xmlns:a16="http://schemas.microsoft.com/office/drawing/2014/main" id="{A8E89855-D7FF-741B-C9FF-D057A2E956BC}"/>
              </a:ext>
            </a:extLst>
          </p:cNvPr>
          <p:cNvSpPr/>
          <p:nvPr/>
        </p:nvSpPr>
        <p:spPr>
          <a:xfrm>
            <a:off x="5886770" y="2010374"/>
            <a:ext cx="2657502" cy="3010122"/>
          </a:xfrm>
          <a:custGeom>
            <a:avLst/>
            <a:gdLst/>
            <a:ahLst/>
            <a:cxnLst>
              <a:cxn ang="16200000">
                <a:pos x="1264251" y="0"/>
              </a:cxn>
              <a:cxn ang="10800000">
                <a:pos x="0" y="1505061"/>
              </a:cxn>
              <a:cxn ang="5400000">
                <a:pos x="1264251" y="3010122"/>
              </a:cxn>
              <a:cxn ang="0">
                <a:pos x="2528502" y="1505061"/>
              </a:cxn>
              <a:cxn ang="0">
                <a:pos x="1264251" y="1505061"/>
              </a:cxn>
            </a:cxnLst>
            <a:rect l="l" t="t" r="r" b="b"/>
            <a:pathLst>
              <a:path w="2528502" h="3010122">
                <a:moveTo>
                  <a:pt x="0" y="0"/>
                </a:moveTo>
                <a:lnTo>
                  <a:pt x="2528503" y="0"/>
                </a:lnTo>
                <a:lnTo>
                  <a:pt x="2528503" y="3010122"/>
                </a:lnTo>
                <a:lnTo>
                  <a:pt x="0" y="3010122"/>
                </a:lnTo>
                <a:close/>
              </a:path>
            </a:pathLst>
          </a:custGeom>
          <a:noFill/>
          <a:ln w="25400">
            <a:solidFill>
              <a:schemeClr val="accent3">
                <a:lumMod val="75000"/>
              </a:schemeClr>
            </a:solidFill>
            <a:prstDash val="dash"/>
          </a:ln>
        </p:spPr>
        <p:style>
          <a:lnRef idx="2">
            <a:schemeClr val="accent1">
              <a:shade val="50000"/>
            </a:schemeClr>
          </a:lnRef>
          <a:fillRef idx="1">
            <a:schemeClr val="accent1"/>
          </a:fillRef>
          <a:effectRef idx="0">
            <a:schemeClr val="accent1"/>
          </a:effectRef>
          <a:fontRef idx="minor">
            <a:schemeClr val="lt1"/>
          </a:fontRef>
        </p:style>
        <p:txBody>
          <a:bodyPr wrap="square" lIns="0" tIns="1424791" rIns="0" bIns="1424791" rtlCol="0" anchor="ctr">
            <a:noAutofit/>
          </a:bodyPr>
          <a:lstStyle/>
          <a:p>
            <a:pPr algn="ctr">
              <a:lnSpc>
                <a:spcPct val="82654"/>
              </a:lnSpc>
            </a:pPr>
            <a:endParaRPr lang="fr-CH" sz="1053" dirty="0">
              <a:solidFill>
                <a:srgbClr val="000000"/>
              </a:solidFill>
              <a:latin typeface="Arial" panose="020B0604020202020204" pitchFamily="34" charset="0"/>
              <a:cs typeface="Arial" panose="020B0604020202020204" pitchFamily="34" charset="0"/>
            </a:endParaRPr>
          </a:p>
        </p:txBody>
      </p:sp>
      <p:sp>
        <p:nvSpPr>
          <p:cNvPr id="10" name="Inhaltsplatzhalter 9">
            <a:extLst>
              <a:ext uri="{FF2B5EF4-FFF2-40B4-BE49-F238E27FC236}">
                <a16:creationId xmlns:a16="http://schemas.microsoft.com/office/drawing/2014/main" id="{FF5AC081-CA1E-7C04-6594-CAFF58DC951F}"/>
              </a:ext>
            </a:extLst>
          </p:cNvPr>
          <p:cNvSpPr>
            <a:spLocks noGrp="1"/>
          </p:cNvSpPr>
          <p:nvPr>
            <p:ph sz="half" idx="1"/>
          </p:nvPr>
        </p:nvSpPr>
        <p:spPr>
          <a:xfrm>
            <a:off x="334962" y="4148410"/>
            <a:ext cx="5112966" cy="1944886"/>
          </a:xfrm>
          <a:ln w="15875">
            <a:solidFill>
              <a:srgbClr val="969696"/>
            </a:solidFill>
          </a:ln>
        </p:spPr>
        <p:txBody>
          <a:bodyPr lIns="72000" tIns="72000" rIns="72000" bIns="72000"/>
          <a:lstStyle/>
          <a:p>
            <a:pPr marL="0" indent="0" algn="just">
              <a:lnSpc>
                <a:spcPct val="100000"/>
              </a:lnSpc>
              <a:spcBef>
                <a:spcPts val="900"/>
              </a:spcBef>
              <a:buNone/>
            </a:pPr>
            <a:r>
              <a:rPr lang="fr-CH" sz="1400" kern="100" dirty="0">
                <a:effectLst/>
                <a:latin typeface="Arial" panose="020B0604020202020204" pitchFamily="34" charset="0"/>
                <a:ea typeface="Calibri" panose="020F0502020204030204" pitchFamily="34" charset="0"/>
                <a:cs typeface="Arial" panose="020B0604020202020204" pitchFamily="34" charset="0"/>
              </a:rPr>
              <a:t>« Le Tribunal peut prendre en considération [</a:t>
            </a:r>
            <a:r>
              <a:rPr lang="fr-CH" sz="1400" i="1" kern="100" dirty="0">
                <a:effectLst/>
                <a:latin typeface="Arial" panose="020B0604020202020204" pitchFamily="34" charset="0"/>
                <a:ea typeface="Calibri" panose="020F0502020204030204" pitchFamily="34" charset="0"/>
                <a:cs typeface="Arial" panose="020B0604020202020204" pitchFamily="34" charset="0"/>
              </a:rPr>
              <a:t>sic</a:t>
            </a:r>
            <a:r>
              <a:rPr lang="fr-CH" sz="1400" kern="100" dirty="0">
                <a:effectLst/>
                <a:latin typeface="Arial" panose="020B0604020202020204" pitchFamily="34" charset="0"/>
                <a:ea typeface="Calibri" panose="020F0502020204030204" pitchFamily="34" charset="0"/>
                <a:cs typeface="Arial" panose="020B0604020202020204" pitchFamily="34" charset="0"/>
              </a:rPr>
              <a:t>!] des faits dits exorbitants, c’est-à-dire des faits qui n’ont pas été allégués par les parties mais qui ressortent de l’administration des preuves, dans la mesure où ils ne font que concrétiser des faits déjà suffisamment allégués. Dans ce cas, en effet, les faits prouvés ne sont pas "exorbitants" puisqu’ils ont en définitive déjà été allégués »</a:t>
            </a:r>
          </a:p>
          <a:p>
            <a:pPr marL="0" indent="0" algn="just">
              <a:lnSpc>
                <a:spcPct val="100000"/>
              </a:lnSpc>
              <a:spcBef>
                <a:spcPts val="900"/>
              </a:spcBef>
              <a:buNone/>
            </a:pPr>
            <a:r>
              <a:rPr lang="fr-CH" sz="1400" kern="100" dirty="0">
                <a:effectLst/>
                <a:latin typeface="Arial" panose="020B0604020202020204" pitchFamily="34" charset="0"/>
                <a:ea typeface="Calibri" panose="020F0502020204030204" pitchFamily="34" charset="0"/>
                <a:cs typeface="Arial" panose="020B0604020202020204" pitchFamily="34" charset="0"/>
              </a:rPr>
              <a:t>(</a:t>
            </a:r>
            <a:r>
              <a:rPr lang="fr-CH" sz="1400" kern="100" dirty="0" err="1">
                <a:effectLst/>
                <a:latin typeface="Arial" panose="020B0604020202020204" pitchFamily="34" charset="0"/>
                <a:ea typeface="Calibri" panose="020F0502020204030204" pitchFamily="34" charset="0"/>
                <a:cs typeface="Arial" panose="020B0604020202020204" pitchFamily="34" charset="0"/>
              </a:rPr>
              <a:t>CJ</a:t>
            </a:r>
            <a:r>
              <a:rPr lang="fr-CH" sz="1400" kern="100" dirty="0">
                <a:effectLst/>
                <a:latin typeface="Arial" panose="020B0604020202020204" pitchFamily="34" charset="0"/>
                <a:ea typeface="Calibri" panose="020F0502020204030204" pitchFamily="34" charset="0"/>
                <a:cs typeface="Arial" panose="020B0604020202020204" pitchFamily="34" charset="0"/>
              </a:rPr>
              <a:t> GE du 9 juin 2017, </a:t>
            </a:r>
            <a:r>
              <a:rPr lang="fr-CH" sz="1400" kern="100" dirty="0" err="1">
                <a:effectLst/>
                <a:latin typeface="Arial" panose="020B0604020202020204" pitchFamily="34" charset="0"/>
                <a:ea typeface="Calibri" panose="020F0502020204030204" pitchFamily="34" charset="0"/>
                <a:cs typeface="Arial" panose="020B0604020202020204" pitchFamily="34" charset="0"/>
              </a:rPr>
              <a:t>ACJC</a:t>
            </a:r>
            <a:r>
              <a:rPr lang="fr-CH" sz="1400" kern="100" dirty="0">
                <a:effectLst/>
                <a:latin typeface="Arial" panose="020B0604020202020204" pitchFamily="34" charset="0"/>
                <a:ea typeface="Calibri" panose="020F0502020204030204" pitchFamily="34" charset="0"/>
                <a:cs typeface="Arial" panose="020B0604020202020204" pitchFamily="34" charset="0"/>
              </a:rPr>
              <a:t>/672/2017, </a:t>
            </a:r>
            <a:r>
              <a:rPr lang="fr-CH" sz="1400" kern="100" dirty="0" err="1">
                <a:effectLst/>
                <a:latin typeface="Arial" panose="020B0604020202020204" pitchFamily="34" charset="0"/>
                <a:ea typeface="Calibri" panose="020F0502020204030204" pitchFamily="34" charset="0"/>
                <a:cs typeface="Arial" panose="020B0604020202020204" pitchFamily="34" charset="0"/>
              </a:rPr>
              <a:t>consid</a:t>
            </a:r>
            <a:r>
              <a:rPr lang="fr-CH" sz="1400" kern="100" dirty="0">
                <a:effectLst/>
                <a:latin typeface="Arial" panose="020B0604020202020204" pitchFamily="34" charset="0"/>
                <a:ea typeface="Calibri" panose="020F0502020204030204" pitchFamily="34" charset="0"/>
                <a:cs typeface="Arial" panose="020B0604020202020204" pitchFamily="34" charset="0"/>
              </a:rPr>
              <a:t>. 2.1.1)</a:t>
            </a:r>
          </a:p>
        </p:txBody>
      </p:sp>
      <p:sp>
        <p:nvSpPr>
          <p:cNvPr id="11" name="Inhaltsplatzhalter 9">
            <a:extLst>
              <a:ext uri="{FF2B5EF4-FFF2-40B4-BE49-F238E27FC236}">
                <a16:creationId xmlns:a16="http://schemas.microsoft.com/office/drawing/2014/main" id="{8DC216C2-D8EE-815A-8D6A-9477A5B678F3}"/>
              </a:ext>
            </a:extLst>
          </p:cNvPr>
          <p:cNvSpPr txBox="1">
            <a:spLocks/>
          </p:cNvSpPr>
          <p:nvPr/>
        </p:nvSpPr>
        <p:spPr>
          <a:xfrm>
            <a:off x="329465" y="2012305"/>
            <a:ext cx="5112966" cy="1704727"/>
          </a:xfrm>
          <a:prstGeom prst="rect">
            <a:avLst/>
          </a:prstGeom>
          <a:ln w="15875">
            <a:solidFill>
              <a:srgbClr val="969696"/>
            </a:solidFill>
          </a:ln>
        </p:spPr>
        <p:txBody>
          <a:bodyPr vert="horz" lIns="72000" tIns="72000" rIns="72000" bIns="72000" rtlCol="0">
            <a:noAutofit/>
          </a:bodyPr>
          <a:lstStyle>
            <a:lvl1pPr marL="228600" indent="-228600" algn="l" defTabSz="914400" rtl="0" eaLnBrk="1" latinLnBrk="0" hangingPunct="1">
              <a:lnSpc>
                <a:spcPct val="122000"/>
              </a:lnSpc>
              <a:spcBef>
                <a:spcPts val="400"/>
              </a:spcBef>
              <a:buFont typeface="Aktiv Grotesk Homburger" panose="020B0404020202020204" pitchFamily="34" charset="0"/>
              <a:buChar char="—"/>
              <a:defRPr sz="1200" kern="1200">
                <a:solidFill>
                  <a:schemeClr val="tx1"/>
                </a:solidFill>
                <a:latin typeface="+mn-lt"/>
                <a:ea typeface="+mn-ea"/>
                <a:cs typeface="+mn-cs"/>
              </a:defRPr>
            </a:lvl1pPr>
            <a:lvl2pPr marL="460800" indent="-230400" algn="l" defTabSz="914400" rtl="0" eaLnBrk="1" latinLnBrk="0" hangingPunct="1">
              <a:lnSpc>
                <a:spcPct val="122000"/>
              </a:lnSpc>
              <a:spcBef>
                <a:spcPts val="400"/>
              </a:spcBef>
              <a:buFont typeface="Aktiv Grotesk Homburger" panose="020B0404020202020204" pitchFamily="34" charset="0"/>
              <a:buChar char="◦"/>
              <a:defRPr sz="1200" kern="1200">
                <a:solidFill>
                  <a:schemeClr val="tx1"/>
                </a:solidFill>
                <a:latin typeface="+mn-lt"/>
                <a:ea typeface="+mn-ea"/>
                <a:cs typeface="+mn-cs"/>
              </a:defRPr>
            </a:lvl2pPr>
            <a:lvl3pPr marL="6912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3pPr>
            <a:lvl4pPr marL="9216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4pPr>
            <a:lvl5pPr marL="11520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5pPr>
            <a:lvl6pPr marL="13824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6pPr>
            <a:lvl7pPr marL="16128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7pPr>
            <a:lvl8pPr marL="18432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8pPr>
            <a:lvl9pPr marL="2073600" indent="-228600" algn="l" defTabSz="914400" rtl="0" eaLnBrk="1" latinLnBrk="0" hangingPunct="1">
              <a:lnSpc>
                <a:spcPct val="122000"/>
              </a:lnSpc>
              <a:spcBef>
                <a:spcPts val="400"/>
              </a:spcBef>
              <a:buFont typeface="Aldhabi" panose="01000000000000000000" pitchFamily="2" charset="-78"/>
              <a:buChar char="◦"/>
              <a:defRPr sz="1200" kern="1200">
                <a:solidFill>
                  <a:schemeClr val="tx1"/>
                </a:solidFill>
                <a:latin typeface="+mn-lt"/>
                <a:ea typeface="+mn-ea"/>
                <a:cs typeface="+mn-cs"/>
              </a:defRPr>
            </a:lvl9pPr>
          </a:lstStyle>
          <a:p>
            <a:pPr marL="0" indent="0" algn="just">
              <a:lnSpc>
                <a:spcPct val="100000"/>
              </a:lnSpc>
              <a:spcBef>
                <a:spcPts val="900"/>
              </a:spcBef>
              <a:buNone/>
            </a:pPr>
            <a:r>
              <a:rPr lang="fr-CH" sz="1400"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Tatsachen</a:t>
            </a:r>
            <a:r>
              <a:rPr lang="fr-CH" sz="1400" i="1" kern="100" dirty="0">
                <a:effectLst/>
                <a:latin typeface="Arial" panose="020B0604020202020204" pitchFamily="34" charset="0"/>
                <a:ea typeface="Calibri" panose="020F0502020204030204" pitchFamily="34" charset="0"/>
                <a:cs typeface="Arial" panose="020B0604020202020204" pitchFamily="34" charset="0"/>
              </a:rPr>
              <a:t>, welche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im</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Rahmen</a:t>
            </a:r>
            <a:r>
              <a:rPr lang="fr-CH" sz="1400" i="1" kern="100" dirty="0">
                <a:effectLst/>
                <a:latin typeface="Arial" panose="020B0604020202020204" pitchFamily="34" charset="0"/>
                <a:ea typeface="Calibri" panose="020F0502020204030204" pitchFamily="34" charset="0"/>
                <a:cs typeface="Arial" panose="020B0604020202020204" pitchFamily="34" charset="0"/>
              </a:rPr>
              <a:t> des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Beweisergebnisses</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zutage</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treten</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a:effectLst/>
                <a:highlight>
                  <a:srgbClr val="00FFFF"/>
                </a:highlight>
                <a:latin typeface="Arial" panose="020B0604020202020204" pitchFamily="34" charset="0"/>
                <a:ea typeface="Calibri" panose="020F0502020204030204" pitchFamily="34" charset="0"/>
                <a:cs typeface="Arial" panose="020B0604020202020204" pitchFamily="34" charset="0"/>
              </a:rPr>
              <a:t>die </a:t>
            </a:r>
            <a:r>
              <a:rPr lang="fr-CH" sz="1400" i="1" kern="100" dirty="0" err="1">
                <a:effectLst/>
                <a:highlight>
                  <a:srgbClr val="00FFFF"/>
                </a:highlight>
                <a:latin typeface="Arial" panose="020B0604020202020204" pitchFamily="34" charset="0"/>
                <a:ea typeface="Calibri" panose="020F0502020204030204" pitchFamily="34" charset="0"/>
                <a:cs typeface="Arial" panose="020B0604020202020204" pitchFamily="34" charset="0"/>
              </a:rPr>
              <a:t>nicht</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oder</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highlight>
                  <a:srgbClr val="8CE43C"/>
                </a:highlight>
                <a:latin typeface="Arial" panose="020B0604020202020204" pitchFamily="34" charset="0"/>
                <a:ea typeface="Calibri" panose="020F0502020204030204" pitchFamily="34" charset="0"/>
                <a:cs typeface="Arial" panose="020B0604020202020204" pitchFamily="34" charset="0"/>
              </a:rPr>
              <a:t>nicht</a:t>
            </a:r>
            <a:r>
              <a:rPr lang="fr-CH" sz="1400" i="1" kern="100" dirty="0">
                <a:effectLst/>
                <a:highlight>
                  <a:srgbClr val="8CE43C"/>
                </a:highligh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highlight>
                  <a:srgbClr val="8CE43C"/>
                </a:highlight>
                <a:latin typeface="Arial" panose="020B0604020202020204" pitchFamily="34" charset="0"/>
                <a:ea typeface="Calibri" panose="020F0502020204030204" pitchFamily="34" charset="0"/>
                <a:cs typeface="Arial" panose="020B0604020202020204" pitchFamily="34" charset="0"/>
              </a:rPr>
              <a:t>genau</a:t>
            </a:r>
            <a:r>
              <a:rPr lang="fr-CH" sz="1400" i="1" kern="100" dirty="0">
                <a:effectLst/>
                <a:highlight>
                  <a:srgbClr val="8CE43C"/>
                </a:highligh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highlight>
                  <a:srgbClr val="8CE43C"/>
                </a:highlight>
                <a:latin typeface="Arial" panose="020B0604020202020204" pitchFamily="34" charset="0"/>
                <a:ea typeface="Calibri" panose="020F0502020204030204" pitchFamily="34" charset="0"/>
                <a:cs typeface="Arial" panose="020B0604020202020204" pitchFamily="34" charset="0"/>
              </a:rPr>
              <a:t>so</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behauptet</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worden</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sind</a:t>
            </a:r>
            <a:r>
              <a:rPr lang="fr-CH" sz="1400" i="1" kern="100" dirty="0">
                <a:effectLst/>
                <a:latin typeface="Arial" panose="020B0604020202020204" pitchFamily="34" charset="0"/>
                <a:ea typeface="Calibri" panose="020F0502020204030204" pitchFamily="34" charset="0"/>
                <a:cs typeface="Arial" panose="020B0604020202020204" pitchFamily="34" charset="0"/>
              </a:rPr>
              <a:t> –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ein</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sog</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überschiessendes</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Beweisergebnis</a:t>
            </a:r>
            <a:r>
              <a:rPr lang="fr-CH" sz="1400" i="1" kern="100" dirty="0">
                <a:effectLst/>
                <a:latin typeface="Arial" panose="020B0604020202020204" pitchFamily="34" charset="0"/>
                <a:ea typeface="Calibri" panose="020F0502020204030204" pitchFamily="34" charset="0"/>
                <a:cs typeface="Arial" panose="020B0604020202020204" pitchFamily="34" charset="0"/>
              </a:rPr>
              <a:t> –,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darf</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das</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Gericht</a:t>
            </a:r>
            <a:r>
              <a:rPr lang="fr-CH" sz="1400" i="1" kern="100" dirty="0">
                <a:effectLst/>
                <a:latin typeface="Arial" panose="020B0604020202020204" pitchFamily="34" charset="0"/>
                <a:ea typeface="Calibri" panose="020F0502020204030204" pitchFamily="34" charset="0"/>
                <a:cs typeface="Arial" panose="020B0604020202020204" pitchFamily="34" charset="0"/>
              </a:rPr>
              <a:t> in die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Beweiswürdigung</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einbeziehen</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wenn</a:t>
            </a:r>
            <a:r>
              <a:rPr lang="fr-CH" sz="1400" i="1" kern="100" dirty="0">
                <a:effectLst/>
                <a:latin typeface="Arial" panose="020B0604020202020204" pitchFamily="34" charset="0"/>
                <a:ea typeface="Calibri" panose="020F0502020204030204" pitchFamily="34" charset="0"/>
                <a:cs typeface="Arial" panose="020B0604020202020204" pitchFamily="34" charset="0"/>
              </a:rPr>
              <a:t> es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dabei</a:t>
            </a:r>
            <a:r>
              <a:rPr lang="fr-CH" sz="1400" i="1" kern="100" dirty="0">
                <a:effectLst/>
                <a:latin typeface="Arial" panose="020B0604020202020204" pitchFamily="34" charset="0"/>
                <a:ea typeface="Calibri" panose="020F0502020204030204" pitchFamily="34" charset="0"/>
                <a:cs typeface="Arial" panose="020B0604020202020204" pitchFamily="34" charset="0"/>
              </a:rPr>
              <a:t> um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Tatsachen</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geht</a:t>
            </a:r>
            <a:r>
              <a:rPr lang="fr-CH" sz="1400" i="1" kern="100" dirty="0">
                <a:effectLst/>
                <a:latin typeface="Arial" panose="020B0604020202020204" pitchFamily="34" charset="0"/>
                <a:ea typeface="Calibri" panose="020F0502020204030204" pitchFamily="34" charset="0"/>
                <a:cs typeface="Arial" panose="020B0604020202020204" pitchFamily="34" charset="0"/>
              </a:rPr>
              <a:t>, die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klarerweise</a:t>
            </a:r>
            <a:r>
              <a:rPr lang="fr-CH" sz="1400" i="1" kern="100" dirty="0">
                <a:effectLst/>
                <a:latin typeface="Arial" panose="020B0604020202020204" pitchFamily="34" charset="0"/>
                <a:ea typeface="Calibri" panose="020F0502020204030204" pitchFamily="34" charset="0"/>
                <a:cs typeface="Arial" panose="020B0604020202020204" pitchFamily="34" charset="0"/>
              </a:rPr>
              <a:t> in den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ausdrücklich</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vorgebrachten</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Sachbehauptungen</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enthalten</a:t>
            </a:r>
            <a:r>
              <a:rPr lang="fr-CH" sz="1400" i="1" kern="100" dirty="0">
                <a:effectLst/>
                <a:latin typeface="Arial" panose="020B0604020202020204" pitchFamily="34" charset="0"/>
                <a:ea typeface="Calibri" panose="020F0502020204030204" pitchFamily="34" charset="0"/>
                <a:cs typeface="Arial" panose="020B0604020202020204" pitchFamily="34" charset="0"/>
              </a:rPr>
              <a:t> </a:t>
            </a:r>
            <a:r>
              <a:rPr lang="fr-CH" sz="1400" i="1" kern="100" dirty="0" err="1">
                <a:effectLst/>
                <a:latin typeface="Arial" panose="020B0604020202020204" pitchFamily="34" charset="0"/>
                <a:ea typeface="Calibri" panose="020F0502020204030204" pitchFamily="34" charset="0"/>
                <a:cs typeface="Arial" panose="020B0604020202020204" pitchFamily="34" charset="0"/>
              </a:rPr>
              <a:t>sind</a:t>
            </a:r>
            <a:r>
              <a:rPr lang="fr-CH" sz="1400" kern="100" dirty="0">
                <a:effectLst/>
                <a:latin typeface="Arial" panose="020B0604020202020204" pitchFamily="34" charset="0"/>
                <a:ea typeface="Calibri" panose="020F0502020204030204" pitchFamily="34" charset="0"/>
                <a:cs typeface="Arial" panose="020B0604020202020204" pitchFamily="34" charset="0"/>
              </a:rPr>
              <a:t> »</a:t>
            </a:r>
          </a:p>
          <a:p>
            <a:pPr marL="0" indent="0" algn="just">
              <a:lnSpc>
                <a:spcPct val="100000"/>
              </a:lnSpc>
              <a:spcBef>
                <a:spcPts val="900"/>
              </a:spcBef>
              <a:buNone/>
            </a:pPr>
            <a:r>
              <a:rPr lang="fr-CH" sz="1400" kern="100" dirty="0">
                <a:effectLst/>
                <a:latin typeface="Arial" panose="020B0604020202020204" pitchFamily="34" charset="0"/>
                <a:ea typeface="Calibri" panose="020F0502020204030204" pitchFamily="34" charset="0"/>
                <a:cs typeface="Arial" panose="020B0604020202020204" pitchFamily="34" charset="0"/>
              </a:rPr>
              <a:t>(</a:t>
            </a:r>
            <a:r>
              <a:rPr lang="fr-CH" sz="1400" kern="100" dirty="0" err="1">
                <a:effectLst/>
                <a:latin typeface="Arial" panose="020B0604020202020204" pitchFamily="34" charset="0"/>
                <a:ea typeface="Calibri" panose="020F0502020204030204" pitchFamily="34" charset="0"/>
                <a:cs typeface="Arial" panose="020B0604020202020204" pitchFamily="34" charset="0"/>
              </a:rPr>
              <a:t>OGer</a:t>
            </a:r>
            <a:r>
              <a:rPr lang="fr-CH" sz="1400" kern="100" dirty="0">
                <a:effectLst/>
                <a:latin typeface="Arial" panose="020B0604020202020204" pitchFamily="34" charset="0"/>
                <a:ea typeface="Calibri" panose="020F0502020204030204" pitchFamily="34" charset="0"/>
                <a:cs typeface="Arial" panose="020B0604020202020204" pitchFamily="34" charset="0"/>
              </a:rPr>
              <a:t> </a:t>
            </a:r>
            <a:r>
              <a:rPr lang="fr-CH" sz="1400" kern="100" dirty="0" err="1">
                <a:effectLst/>
                <a:latin typeface="Arial" panose="020B0604020202020204" pitchFamily="34" charset="0"/>
                <a:ea typeface="Calibri" panose="020F0502020204030204" pitchFamily="34" charset="0"/>
                <a:cs typeface="Arial" panose="020B0604020202020204" pitchFamily="34" charset="0"/>
              </a:rPr>
              <a:t>ZH</a:t>
            </a:r>
            <a:r>
              <a:rPr lang="fr-CH" sz="1400" kern="100" dirty="0">
                <a:effectLst/>
                <a:latin typeface="Arial" panose="020B0604020202020204" pitchFamily="34" charset="0"/>
                <a:ea typeface="Calibri" panose="020F0502020204030204" pitchFamily="34" charset="0"/>
                <a:cs typeface="Arial" panose="020B0604020202020204" pitchFamily="34" charset="0"/>
              </a:rPr>
              <a:t> du 22 octobre 2019, </a:t>
            </a:r>
            <a:r>
              <a:rPr lang="fr-CH" sz="1400" kern="100" dirty="0" err="1">
                <a:effectLst/>
                <a:latin typeface="Arial" panose="020B0604020202020204" pitchFamily="34" charset="0"/>
                <a:ea typeface="Calibri" panose="020F0502020204030204" pitchFamily="34" charset="0"/>
                <a:cs typeface="Arial" panose="020B0604020202020204" pitchFamily="34" charset="0"/>
              </a:rPr>
              <a:t>PP190039</a:t>
            </a:r>
            <a:r>
              <a:rPr lang="fr-CH" sz="1400" kern="100" dirty="0">
                <a:effectLst/>
                <a:latin typeface="Arial" panose="020B0604020202020204" pitchFamily="34" charset="0"/>
                <a:ea typeface="Calibri" panose="020F0502020204030204" pitchFamily="34" charset="0"/>
                <a:cs typeface="Arial" panose="020B0604020202020204" pitchFamily="34" charset="0"/>
              </a:rPr>
              <a:t>, </a:t>
            </a:r>
            <a:r>
              <a:rPr lang="fr-CH" sz="1400" kern="100" dirty="0" err="1">
                <a:effectLst/>
                <a:latin typeface="Arial" panose="020B0604020202020204" pitchFamily="34" charset="0"/>
                <a:ea typeface="Calibri" panose="020F0502020204030204" pitchFamily="34" charset="0"/>
                <a:cs typeface="Arial" panose="020B0604020202020204" pitchFamily="34" charset="0"/>
              </a:rPr>
              <a:t>consid</a:t>
            </a:r>
            <a:r>
              <a:rPr lang="fr-CH" sz="1400" kern="100" dirty="0">
                <a:effectLst/>
                <a:latin typeface="Arial" panose="020B0604020202020204" pitchFamily="34" charset="0"/>
                <a:ea typeface="Calibri" panose="020F0502020204030204" pitchFamily="34" charset="0"/>
                <a:cs typeface="Arial" panose="020B0604020202020204" pitchFamily="34" charset="0"/>
              </a:rPr>
              <a:t>. 2.6)</a:t>
            </a:r>
          </a:p>
        </p:txBody>
      </p:sp>
      <p:sp>
        <p:nvSpPr>
          <p:cNvPr id="12" name="Untertitel 2">
            <a:extLst>
              <a:ext uri="{FF2B5EF4-FFF2-40B4-BE49-F238E27FC236}">
                <a16:creationId xmlns:a16="http://schemas.microsoft.com/office/drawing/2014/main" id="{28734645-B4B2-5BAC-E189-0302F82FE336}"/>
              </a:ext>
            </a:extLst>
          </p:cNvPr>
          <p:cNvSpPr>
            <a:spLocks noGrp="1"/>
          </p:cNvSpPr>
          <p:nvPr>
            <p:ph type="subTitle" idx="13"/>
          </p:nvPr>
        </p:nvSpPr>
        <p:spPr>
          <a:xfrm>
            <a:off x="334963" y="222250"/>
            <a:ext cx="9359900" cy="244475"/>
          </a:xfrm>
        </p:spPr>
        <p:txBody>
          <a:bodyPr/>
          <a:lstStyle/>
          <a:p>
            <a:r>
              <a:rPr lang="fr-CH" dirty="0">
                <a:latin typeface="Arial" panose="020B0604020202020204" pitchFamily="34" charset="0"/>
                <a:cs typeface="Arial" panose="020B0604020202020204" pitchFamily="34" charset="0"/>
              </a:rPr>
              <a:t>II.	Exploitabilité des faits exorbitants</a:t>
            </a:r>
          </a:p>
        </p:txBody>
      </p:sp>
      <p:sp>
        <p:nvSpPr>
          <p:cNvPr id="14" name="Textfeld 13">
            <a:extLst>
              <a:ext uri="{FF2B5EF4-FFF2-40B4-BE49-F238E27FC236}">
                <a16:creationId xmlns:a16="http://schemas.microsoft.com/office/drawing/2014/main" id="{2FC64855-EC23-3706-2245-92D1BC7C5E97}"/>
              </a:ext>
            </a:extLst>
          </p:cNvPr>
          <p:cNvSpPr txBox="1"/>
          <p:nvPr/>
        </p:nvSpPr>
        <p:spPr>
          <a:xfrm>
            <a:off x="5886770" y="1389712"/>
            <a:ext cx="5150098" cy="338554"/>
          </a:xfrm>
          <a:prstGeom prst="rect">
            <a:avLst/>
          </a:prstGeom>
          <a:noFill/>
          <a:ln w="19050">
            <a:solidFill>
              <a:schemeClr val="tx1"/>
            </a:solidFill>
          </a:ln>
        </p:spPr>
        <p:txBody>
          <a:bodyPr wrap="square">
            <a:spAutoFit/>
          </a:bodyPr>
          <a:lstStyle/>
          <a:p>
            <a:pPr algn="ctr"/>
            <a:r>
              <a:rPr lang="fr-CH" sz="1600" b="1" dirty="0">
                <a:latin typeface="Arial" panose="020B0604020202020204" pitchFamily="34" charset="0"/>
                <a:cs typeface="Arial" panose="020B0604020202020204" pitchFamily="34" charset="0"/>
              </a:rPr>
              <a:t>Nécessité de distinguer deux cas de figure</a:t>
            </a:r>
          </a:p>
        </p:txBody>
      </p:sp>
      <p:sp>
        <p:nvSpPr>
          <p:cNvPr id="3" name="Textfeld 2">
            <a:extLst>
              <a:ext uri="{FF2B5EF4-FFF2-40B4-BE49-F238E27FC236}">
                <a16:creationId xmlns:a16="http://schemas.microsoft.com/office/drawing/2014/main" id="{22CE672D-5D43-66B1-5C1B-4C9A0321A662}"/>
              </a:ext>
            </a:extLst>
          </p:cNvPr>
          <p:cNvSpPr txBox="1"/>
          <p:nvPr/>
        </p:nvSpPr>
        <p:spPr>
          <a:xfrm>
            <a:off x="11496600" y="260648"/>
            <a:ext cx="504056" cy="1584176"/>
          </a:xfrm>
          <a:prstGeom prst="rect">
            <a:avLst/>
          </a:prstGeom>
          <a:solidFill>
            <a:schemeClr val="bg1"/>
          </a:solidFill>
        </p:spPr>
        <p:txBody>
          <a:bodyPr wrap="square" lIns="0" tIns="0" rIns="0" bIns="0" rtlCol="0">
            <a:spAutoFit/>
          </a:bodyPr>
          <a:lstStyle/>
          <a:p>
            <a:pPr algn="l"/>
            <a:endParaRPr lang="de-CH" dirty="0" err="1"/>
          </a:p>
        </p:txBody>
      </p:sp>
    </p:spTree>
    <p:extLst>
      <p:ext uri="{BB962C8B-B14F-4D97-AF65-F5344CB8AC3E}">
        <p14:creationId xmlns:p14="http://schemas.microsoft.com/office/powerpoint/2010/main" val="377253332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88DEDD7-459D-24EC-ED2E-B56E43746012}"/>
              </a:ext>
            </a:extLst>
          </p:cNvPr>
          <p:cNvSpPr>
            <a:spLocks noGrp="1"/>
          </p:cNvSpPr>
          <p:nvPr>
            <p:ph type="title"/>
          </p:nvPr>
        </p:nvSpPr>
        <p:spPr>
          <a:xfrm>
            <a:off x="623693" y="662762"/>
            <a:ext cx="10943656" cy="461982"/>
          </a:xfrm>
        </p:spPr>
        <p:txBody>
          <a:bodyPr/>
          <a:lstStyle/>
          <a:p>
            <a:pPr algn="ctr"/>
            <a:r>
              <a:rPr lang="fr-CH" sz="1800" b="1" dirty="0">
                <a:latin typeface="Arial" panose="020B0604020202020204" pitchFamily="34" charset="0"/>
                <a:cs typeface="Arial" panose="020B0604020202020204" pitchFamily="34" charset="0"/>
              </a:rPr>
              <a:t>Faits exorbitants au sens impropre</a:t>
            </a:r>
            <a:br>
              <a:rPr lang="fr-CH" b="1" dirty="0">
                <a:latin typeface="Arial" panose="020B0604020202020204" pitchFamily="34" charset="0"/>
                <a:cs typeface="Arial" panose="020B0604020202020204" pitchFamily="34" charset="0"/>
              </a:rPr>
            </a:br>
            <a:endParaRPr lang="fr-CH" dirty="0">
              <a:latin typeface="Arial" panose="020B0604020202020204" pitchFamily="34" charset="0"/>
              <a:cs typeface="Arial" panose="020B0604020202020204" pitchFamily="34" charset="0"/>
            </a:endParaRPr>
          </a:p>
        </p:txBody>
      </p:sp>
      <p:sp>
        <p:nvSpPr>
          <p:cNvPr id="5" name="Foliennummernplatzhalter 4">
            <a:extLst>
              <a:ext uri="{FF2B5EF4-FFF2-40B4-BE49-F238E27FC236}">
                <a16:creationId xmlns:a16="http://schemas.microsoft.com/office/drawing/2014/main" id="{E7793860-9EED-3056-C753-2ACB774E82A9}"/>
              </a:ext>
            </a:extLst>
          </p:cNvPr>
          <p:cNvSpPr>
            <a:spLocks noGrp="1"/>
          </p:cNvSpPr>
          <p:nvPr>
            <p:ph type="sldNum" sz="quarter" idx="15"/>
          </p:nvPr>
        </p:nvSpPr>
        <p:spPr/>
        <p:txBody>
          <a:bodyPr/>
          <a:lstStyle/>
          <a:p>
            <a:fld id="{FC362A1C-D03C-4301-9D28-06CE832B6EC4}" type="slidenum">
              <a:rPr lang="fr-CH" smtClean="0"/>
              <a:pPr/>
              <a:t>9</a:t>
            </a:fld>
            <a:endParaRPr lang="fr-CH" dirty="0"/>
          </a:p>
        </p:txBody>
      </p:sp>
      <p:sp>
        <p:nvSpPr>
          <p:cNvPr id="6" name="Textplatzhalter 5">
            <a:extLst>
              <a:ext uri="{FF2B5EF4-FFF2-40B4-BE49-F238E27FC236}">
                <a16:creationId xmlns:a16="http://schemas.microsoft.com/office/drawing/2014/main" id="{036E612B-D48D-948F-8975-00A1649C03B8}"/>
              </a:ext>
            </a:extLst>
          </p:cNvPr>
          <p:cNvSpPr>
            <a:spLocks noGrp="1"/>
          </p:cNvSpPr>
          <p:nvPr>
            <p:ph type="body" sz="quarter" idx="17"/>
          </p:nvPr>
        </p:nvSpPr>
        <p:spPr>
          <a:xfrm>
            <a:off x="623693" y="2574074"/>
            <a:ext cx="3528088" cy="3591227"/>
          </a:xfrm>
          <a:solidFill>
            <a:srgbClr val="92D050"/>
          </a:solidFill>
        </p:spPr>
        <p:txBody>
          <a:bodyPr lIns="108000" tIns="108000" rIns="108000" bIns="108000">
            <a:noAutofit/>
          </a:bodyPr>
          <a:lstStyle/>
          <a:p>
            <a:pPr marL="342900" indent="-342900" algn="just">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Le </a:t>
            </a:r>
            <a:r>
              <a:rPr lang="fr-CH" sz="1400" kern="100" dirty="0">
                <a:latin typeface="Arial" panose="020B0604020202020204" pitchFamily="34" charset="0"/>
                <a:ea typeface="Calibri" panose="020F0502020204030204" pitchFamily="34" charset="0"/>
                <a:cs typeface="Arial" panose="020B0604020202020204" pitchFamily="34" charset="0"/>
              </a:rPr>
              <a:t>d</a:t>
            </a:r>
            <a:r>
              <a:rPr lang="fr-CH" sz="1400" kern="100" dirty="0">
                <a:effectLst/>
                <a:latin typeface="Arial" panose="020B0604020202020204" pitchFamily="34" charset="0"/>
                <a:ea typeface="Calibri" panose="020F0502020204030204" pitchFamily="34" charset="0"/>
                <a:cs typeface="Arial" panose="020B0604020202020204" pitchFamily="34" charset="0"/>
              </a:rPr>
              <a:t>egré de précision requis des allégués est fonction des circonstances du cas concret</a:t>
            </a:r>
          </a:p>
          <a:p>
            <a:pPr marL="361950" lvl="2" algn="just"/>
            <a:r>
              <a:rPr lang="fr-CH" b="0" kern="100" dirty="0">
                <a:effectLst/>
                <a:latin typeface="Arial" panose="020B0604020202020204" pitchFamily="34" charset="0"/>
                <a:ea typeface="Calibri" panose="020F0502020204030204" pitchFamily="34" charset="0"/>
                <a:cs typeface="Arial" panose="020B0604020202020204" pitchFamily="34" charset="0"/>
              </a:rPr>
              <a:t>« dans des états de fait complexes, les parties ne peuvent pas citer en détail tous les éléments factuels, mais le justiciable devrait au moins faire clairement ressortir sur quels faits il attend un résultat de l’expertise » (TF </a:t>
            </a:r>
            <a:r>
              <a:rPr lang="fr-CH" b="0" kern="100" dirty="0" err="1">
                <a:effectLst/>
                <a:latin typeface="Arial" panose="020B0604020202020204" pitchFamily="34" charset="0"/>
                <a:ea typeface="Calibri" panose="020F0502020204030204" pitchFamily="34" charset="0"/>
                <a:cs typeface="Arial" panose="020B0604020202020204" pitchFamily="34" charset="0"/>
              </a:rPr>
              <a:t>4A_166</a:t>
            </a:r>
            <a:r>
              <a:rPr lang="fr-CH" b="0" kern="100" dirty="0">
                <a:effectLst/>
                <a:latin typeface="Arial" panose="020B0604020202020204" pitchFamily="34" charset="0"/>
                <a:ea typeface="Calibri" panose="020F0502020204030204" pitchFamily="34" charset="0"/>
                <a:cs typeface="Arial" panose="020B0604020202020204" pitchFamily="34" charset="0"/>
              </a:rPr>
              <a:t>/2022 du 29 juin 2023, </a:t>
            </a:r>
            <a:r>
              <a:rPr lang="fr-CH" b="0" kern="100" dirty="0" err="1">
                <a:effectLst/>
                <a:latin typeface="Arial" panose="020B0604020202020204" pitchFamily="34" charset="0"/>
                <a:ea typeface="Calibri" panose="020F0502020204030204" pitchFamily="34" charset="0"/>
                <a:cs typeface="Arial" panose="020B0604020202020204" pitchFamily="34" charset="0"/>
              </a:rPr>
              <a:t>consid</a:t>
            </a:r>
            <a:r>
              <a:rPr lang="fr-CH" b="0" kern="100" dirty="0">
                <a:effectLst/>
                <a:latin typeface="Arial" panose="020B0604020202020204" pitchFamily="34" charset="0"/>
                <a:ea typeface="Calibri" panose="020F0502020204030204" pitchFamily="34" charset="0"/>
                <a:cs typeface="Arial" panose="020B0604020202020204" pitchFamily="34" charset="0"/>
              </a:rPr>
              <a:t>. 5.3)</a:t>
            </a:r>
          </a:p>
          <a:p>
            <a:pPr marL="342900" indent="-342900" algn="just">
              <a:buFont typeface="Symbol" panose="05050102010706020507" pitchFamily="18" charset="2"/>
              <a:buChar char=""/>
            </a:pPr>
            <a:r>
              <a:rPr lang="fr-CH" sz="1400" kern="100" dirty="0">
                <a:latin typeface="Arial" panose="020B0604020202020204" pitchFamily="34" charset="0"/>
                <a:ea typeface="Calibri" panose="020F0502020204030204" pitchFamily="34" charset="0"/>
                <a:cs typeface="Arial" panose="020B0604020202020204" pitchFamily="34" charset="0"/>
              </a:rPr>
              <a:t>Une partie ne saurait devoir anticiper les résultats de l’administration des preuves </a:t>
            </a:r>
            <a:r>
              <a:rPr lang="fr-CH" sz="1400" b="0" kern="100" dirty="0">
                <a:latin typeface="Arial" panose="020B0604020202020204" pitchFamily="34" charset="0"/>
                <a:ea typeface="Calibri" panose="020F0502020204030204" pitchFamily="34" charset="0"/>
                <a:cs typeface="Arial" panose="020B0604020202020204" pitchFamily="34" charset="0"/>
              </a:rPr>
              <a:t>(</a:t>
            </a:r>
            <a:r>
              <a:rPr lang="fr-CH" b="0" kern="100" dirty="0">
                <a:latin typeface="Arial" panose="020B0604020202020204" pitchFamily="34" charset="0"/>
                <a:ea typeface="Calibri" panose="020F0502020204030204" pitchFamily="34" charset="0"/>
                <a:cs typeface="Arial" panose="020B0604020202020204" pitchFamily="34" charset="0"/>
              </a:rPr>
              <a:t>TF </a:t>
            </a:r>
            <a:r>
              <a:rPr lang="fr-CH" b="0" kern="100" dirty="0" err="1">
                <a:latin typeface="Arial" panose="020B0604020202020204" pitchFamily="34" charset="0"/>
                <a:ea typeface="Calibri" panose="020F0502020204030204" pitchFamily="34" charset="0"/>
                <a:cs typeface="Arial" panose="020B0604020202020204" pitchFamily="34" charset="0"/>
              </a:rPr>
              <a:t>4A_494</a:t>
            </a:r>
            <a:r>
              <a:rPr lang="fr-CH" b="0" kern="100" dirty="0">
                <a:latin typeface="Arial" panose="020B0604020202020204" pitchFamily="34" charset="0"/>
                <a:ea typeface="Calibri" panose="020F0502020204030204" pitchFamily="34" charset="0"/>
                <a:cs typeface="Arial" panose="020B0604020202020204" pitchFamily="34" charset="0"/>
              </a:rPr>
              <a:t>/2020 du 24 juin 2022, </a:t>
            </a:r>
            <a:r>
              <a:rPr lang="fr-CH" b="0" kern="100" dirty="0" err="1">
                <a:latin typeface="Arial" panose="020B0604020202020204" pitchFamily="34" charset="0"/>
                <a:ea typeface="Calibri" panose="020F0502020204030204" pitchFamily="34" charset="0"/>
                <a:cs typeface="Arial" panose="020B0604020202020204" pitchFamily="34" charset="0"/>
              </a:rPr>
              <a:t>consid</a:t>
            </a:r>
            <a:r>
              <a:rPr lang="fr-CH" b="0" kern="100" dirty="0">
                <a:latin typeface="Arial" panose="020B0604020202020204" pitchFamily="34" charset="0"/>
                <a:ea typeface="Calibri" panose="020F0502020204030204" pitchFamily="34" charset="0"/>
                <a:cs typeface="Arial" panose="020B0604020202020204" pitchFamily="34" charset="0"/>
              </a:rPr>
              <a:t>. 4.6)</a:t>
            </a:r>
            <a:endParaRPr lang="fr-CH" kern="100" dirty="0">
              <a:effectLst/>
              <a:latin typeface="Arial" panose="020B0604020202020204" pitchFamily="34" charset="0"/>
              <a:ea typeface="Calibri" panose="020F0502020204030204" pitchFamily="34" charset="0"/>
              <a:cs typeface="Arial" panose="020B0604020202020204" pitchFamily="34" charset="0"/>
            </a:endParaRPr>
          </a:p>
          <a:p>
            <a:pPr marL="342900" lvl="0" indent="-342900" algn="just">
              <a:buFont typeface="Symbol" panose="05050102010706020507" pitchFamily="18" charset="2"/>
              <a:buChar char=""/>
            </a:pPr>
            <a:endParaRPr lang="fr-CH" sz="1400" kern="100" dirty="0">
              <a:effectLst/>
              <a:latin typeface="Arial" panose="020B0604020202020204" pitchFamily="34" charset="0"/>
              <a:ea typeface="Calibri" panose="020F0502020204030204" pitchFamily="34" charset="0"/>
              <a:cs typeface="Arial" panose="020B0604020202020204" pitchFamily="34" charset="0"/>
            </a:endParaRPr>
          </a:p>
          <a:p>
            <a:pPr marL="342900" lvl="0" indent="-342900" algn="just">
              <a:buFont typeface="Symbol" panose="05050102010706020507" pitchFamily="18" charset="2"/>
              <a:buChar char=""/>
            </a:pPr>
            <a:endParaRPr lang="fr-CH" sz="1400" kern="100" dirty="0">
              <a:effectLst/>
              <a:latin typeface="Arial" panose="020B0604020202020204" pitchFamily="34" charset="0"/>
              <a:ea typeface="Calibri" panose="020F0502020204030204" pitchFamily="34" charset="0"/>
              <a:cs typeface="Arial" panose="020B0604020202020204" pitchFamily="34" charset="0"/>
            </a:endParaRPr>
          </a:p>
        </p:txBody>
      </p:sp>
      <p:sp>
        <p:nvSpPr>
          <p:cNvPr id="8" name="Textplatzhalter 7">
            <a:extLst>
              <a:ext uri="{FF2B5EF4-FFF2-40B4-BE49-F238E27FC236}">
                <a16:creationId xmlns:a16="http://schemas.microsoft.com/office/drawing/2014/main" id="{23EBD2AE-5F8F-DAEE-17A1-94CC73D6D4E3}"/>
              </a:ext>
            </a:extLst>
          </p:cNvPr>
          <p:cNvSpPr>
            <a:spLocks noGrp="1"/>
          </p:cNvSpPr>
          <p:nvPr>
            <p:ph type="body" sz="quarter" idx="23"/>
          </p:nvPr>
        </p:nvSpPr>
        <p:spPr>
          <a:xfrm>
            <a:off x="8040221" y="2574074"/>
            <a:ext cx="3528087" cy="3591228"/>
          </a:xfrm>
          <a:solidFill>
            <a:srgbClr val="FCA862"/>
          </a:solidFill>
        </p:spPr>
        <p:txBody>
          <a:bodyPr lIns="108000" tIns="108000" rIns="108000" bIns="108000">
            <a:noAutofit/>
          </a:bodyPr>
          <a:lstStyle/>
          <a:p>
            <a:pPr marL="342900" lvl="0" indent="-342900" algn="just">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Art. </a:t>
            </a:r>
            <a:r>
              <a:rPr lang="fr-CH" sz="1400" kern="100" dirty="0">
                <a:latin typeface="Arial" panose="020B0604020202020204" pitchFamily="34" charset="0"/>
                <a:ea typeface="Calibri" panose="020F0502020204030204" pitchFamily="34" charset="0"/>
                <a:cs typeface="Arial" panose="020B0604020202020204" pitchFamily="34" charset="0"/>
              </a:rPr>
              <a:t>53 al. 1 et 232 al. 1 </a:t>
            </a:r>
            <a:r>
              <a:rPr lang="fr-CH" sz="1400" kern="100" dirty="0" err="1">
                <a:latin typeface="Arial" panose="020B0604020202020204" pitchFamily="34" charset="0"/>
                <a:ea typeface="Calibri" panose="020F0502020204030204" pitchFamily="34" charset="0"/>
                <a:cs typeface="Arial" panose="020B0604020202020204" pitchFamily="34" charset="0"/>
              </a:rPr>
              <a:t>CPC</a:t>
            </a:r>
            <a:endParaRPr lang="fr-CH" sz="1400" kern="100" dirty="0">
              <a:effectLst/>
              <a:latin typeface="Arial" panose="020B0604020202020204" pitchFamily="34" charset="0"/>
              <a:ea typeface="Calibri" panose="020F0502020204030204" pitchFamily="34" charset="0"/>
              <a:cs typeface="Arial" panose="020B0604020202020204" pitchFamily="34" charset="0"/>
            </a:endParaRPr>
          </a:p>
          <a:p>
            <a:pPr marL="342900" indent="-342900" algn="just">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Si les faits révélés par l'administration des preuves s'inscrivent dans le cadre des allégués des parties, le tribunal doit – sans autre – en tenir compte</a:t>
            </a:r>
          </a:p>
          <a:p>
            <a:pPr marL="342900" indent="-342900" algn="just">
              <a:buFont typeface="Symbol" panose="05050102010706020507" pitchFamily="18" charset="2"/>
              <a:buChar char=""/>
            </a:pPr>
            <a:r>
              <a:rPr lang="fr-CH" sz="1400" kern="100" dirty="0">
                <a:effectLst/>
                <a:latin typeface="Arial" panose="020B0604020202020204" pitchFamily="34" charset="0"/>
                <a:ea typeface="Calibri" panose="020F0502020204030204" pitchFamily="34" charset="0"/>
                <a:cs typeface="Arial" panose="020B0604020202020204" pitchFamily="34" charset="0"/>
              </a:rPr>
              <a:t>Un fait exorbitant au sens impropre ne saurait être appréhendé en tant que fait nouveau. Il ne doit donc pas être allégué « après coup </a:t>
            </a:r>
            <a:r>
              <a:rPr lang="fr-CH" sz="1400" kern="100" dirty="0">
                <a:latin typeface="Arial" panose="020B0604020202020204" pitchFamily="34" charset="0"/>
                <a:ea typeface="Calibri" panose="020F0502020204030204" pitchFamily="34" charset="0"/>
                <a:cs typeface="Arial" panose="020B0604020202020204" pitchFamily="34" charset="0"/>
              </a:rPr>
              <a:t>» par le biais d’une requête de </a:t>
            </a:r>
            <a:r>
              <a:rPr lang="fr-CH" sz="1400" i="1" kern="100" dirty="0">
                <a:latin typeface="Arial" panose="020B0604020202020204" pitchFamily="34" charset="0"/>
                <a:ea typeface="Calibri" panose="020F0502020204030204" pitchFamily="34" charset="0"/>
                <a:cs typeface="Arial" panose="020B0604020202020204" pitchFamily="34" charset="0"/>
              </a:rPr>
              <a:t>nova</a:t>
            </a:r>
          </a:p>
          <a:p>
            <a:pPr marL="342900" indent="-342900" algn="just">
              <a:buFont typeface="Symbol" panose="05050102010706020507" pitchFamily="18" charset="2"/>
              <a:buChar char=""/>
            </a:pPr>
            <a:endParaRPr lang="fr-CH" sz="1400" kern="100" dirty="0">
              <a:effectLst/>
              <a:latin typeface="Arial" panose="020B0604020202020204" pitchFamily="34" charset="0"/>
              <a:ea typeface="Calibri" panose="020F0502020204030204" pitchFamily="34" charset="0"/>
              <a:cs typeface="Arial" panose="020B0604020202020204" pitchFamily="34" charset="0"/>
            </a:endParaRPr>
          </a:p>
          <a:p>
            <a:pPr marL="342900" indent="-342900" algn="just">
              <a:buFont typeface="Symbol" panose="05050102010706020507" pitchFamily="18" charset="2"/>
              <a:buChar char=""/>
            </a:pPr>
            <a:endParaRPr lang="fr-CH" sz="1400" kern="100" dirty="0">
              <a:effectLst/>
              <a:latin typeface="Arial" panose="020B0604020202020204" pitchFamily="34" charset="0"/>
              <a:ea typeface="Calibri" panose="020F0502020204030204" pitchFamily="34" charset="0"/>
              <a:cs typeface="Arial" panose="020B0604020202020204" pitchFamily="34" charset="0"/>
            </a:endParaRPr>
          </a:p>
          <a:p>
            <a:endParaRPr lang="fr-CH" dirty="0">
              <a:latin typeface="Arial" panose="020B0604020202020204" pitchFamily="34" charset="0"/>
              <a:cs typeface="Arial" panose="020B0604020202020204" pitchFamily="34" charset="0"/>
            </a:endParaRPr>
          </a:p>
        </p:txBody>
      </p:sp>
      <p:sp>
        <p:nvSpPr>
          <p:cNvPr id="4" name="Textfeld 3">
            <a:extLst>
              <a:ext uri="{FF2B5EF4-FFF2-40B4-BE49-F238E27FC236}">
                <a16:creationId xmlns:a16="http://schemas.microsoft.com/office/drawing/2014/main" id="{A2338977-82A9-F2D9-5BDE-A3CF7FA19351}"/>
              </a:ext>
            </a:extLst>
          </p:cNvPr>
          <p:cNvSpPr txBox="1"/>
          <p:nvPr/>
        </p:nvSpPr>
        <p:spPr>
          <a:xfrm>
            <a:off x="623693" y="2297074"/>
            <a:ext cx="7055357" cy="276999"/>
          </a:xfrm>
          <a:prstGeom prst="rect">
            <a:avLst/>
          </a:prstGeom>
          <a:solidFill>
            <a:srgbClr val="92D050"/>
          </a:solidFill>
          <a:ln w="19050">
            <a:noFill/>
          </a:ln>
        </p:spPr>
        <p:txBody>
          <a:bodyPr wrap="square" lIns="0" tIns="0" rIns="0" bIns="0" rtlCol="0">
            <a:spAutoFit/>
          </a:bodyPr>
          <a:lstStyle/>
          <a:p>
            <a:pPr algn="ctr"/>
            <a:r>
              <a:rPr lang="fr-CH" b="1" dirty="0">
                <a:latin typeface="Arial" panose="020B0604020202020204" pitchFamily="34" charset="0"/>
                <a:cs typeface="Arial" panose="020B0604020202020204" pitchFamily="34" charset="0"/>
              </a:rPr>
              <a:t>Cadre des allégués</a:t>
            </a:r>
          </a:p>
        </p:txBody>
      </p:sp>
      <p:sp>
        <p:nvSpPr>
          <p:cNvPr id="16" name="Textplatzhalter 15">
            <a:extLst>
              <a:ext uri="{FF2B5EF4-FFF2-40B4-BE49-F238E27FC236}">
                <a16:creationId xmlns:a16="http://schemas.microsoft.com/office/drawing/2014/main" id="{9E4F9300-30B3-A94A-F504-D2424E4FED6E}"/>
              </a:ext>
            </a:extLst>
          </p:cNvPr>
          <p:cNvSpPr>
            <a:spLocks noGrp="1"/>
          </p:cNvSpPr>
          <p:nvPr>
            <p:ph type="body" sz="quarter" idx="22"/>
          </p:nvPr>
        </p:nvSpPr>
        <p:spPr>
          <a:xfrm>
            <a:off x="4150963" y="2574074"/>
            <a:ext cx="3528087" cy="3591226"/>
          </a:xfrm>
          <a:solidFill>
            <a:srgbClr val="92D050"/>
          </a:solidFill>
        </p:spPr>
        <p:txBody>
          <a:bodyPr lIns="108000" tIns="108000" rIns="108000" bIns="108000"/>
          <a:lstStyle/>
          <a:p>
            <a:pPr marL="342900" indent="-342900" algn="just">
              <a:spcBef>
                <a:spcPts val="1200"/>
              </a:spcBef>
              <a:buFont typeface="Symbol" panose="05050102010706020507" pitchFamily="18" charset="2"/>
              <a:buChar char=""/>
            </a:pPr>
            <a:r>
              <a:rPr lang="fr-FR" sz="1400" kern="100" dirty="0">
                <a:latin typeface="Arial" panose="020B0604020202020204" pitchFamily="34" charset="0"/>
                <a:cs typeface="Arial" panose="020B0604020202020204" pitchFamily="34" charset="0"/>
              </a:rPr>
              <a:t>La maxime des débats admet nécessairement la prise en compte de faits révélés par l'administration des preuves, pour autant que ceux-ci viennent concrétiser les allégués (génériques) des parties</a:t>
            </a:r>
          </a:p>
          <a:p>
            <a:pPr marL="342900" indent="-342900" algn="just">
              <a:lnSpc>
                <a:spcPct val="102000"/>
              </a:lnSpc>
              <a:spcBef>
                <a:spcPts val="1200"/>
              </a:spcBef>
              <a:buFont typeface="Symbol" panose="05050102010706020507" pitchFamily="18" charset="2"/>
              <a:buChar char=""/>
            </a:pPr>
            <a:r>
              <a:rPr lang="fr-FR" sz="1400" kern="100" dirty="0">
                <a:latin typeface="Arial" panose="020B0604020202020204" pitchFamily="34" charset="0"/>
                <a:cs typeface="Arial" panose="020B0604020202020204" pitchFamily="34" charset="0"/>
              </a:rPr>
              <a:t>Notion « matérielle » du cadre des allégués </a:t>
            </a:r>
            <a:r>
              <a:rPr lang="fr-FR" b="0" kern="100" dirty="0">
                <a:latin typeface="Arial" panose="020B0604020202020204" pitchFamily="34" charset="0"/>
                <a:cs typeface="Arial" panose="020B0604020202020204" pitchFamily="34" charset="0"/>
              </a:rPr>
              <a:t>(</a:t>
            </a:r>
            <a:r>
              <a:rPr lang="fr-FR" b="0" i="1" kern="100" dirty="0">
                <a:latin typeface="Arial" panose="020B0604020202020204" pitchFamily="34" charset="0"/>
                <a:cs typeface="Arial" panose="020B0604020202020204" pitchFamily="34" charset="0"/>
              </a:rPr>
              <a:t>cf</a:t>
            </a:r>
            <a:r>
              <a:rPr lang="fr-FR" b="0" kern="100" dirty="0">
                <a:latin typeface="Arial" panose="020B0604020202020204" pitchFamily="34" charset="0"/>
                <a:cs typeface="Arial" panose="020B0604020202020204" pitchFamily="34" charset="0"/>
              </a:rPr>
              <a:t>. TC VD du 8 novembre 2017, </a:t>
            </a:r>
            <a:r>
              <a:rPr lang="fr-FR" b="0" kern="100" dirty="0" err="1">
                <a:latin typeface="Arial" panose="020B0604020202020204" pitchFamily="34" charset="0"/>
                <a:cs typeface="Arial" panose="020B0604020202020204" pitchFamily="34" charset="0"/>
              </a:rPr>
              <a:t>HC</a:t>
            </a:r>
            <a:r>
              <a:rPr lang="fr-FR" b="0" kern="100" dirty="0">
                <a:latin typeface="Arial" panose="020B0604020202020204" pitchFamily="34" charset="0"/>
                <a:cs typeface="Arial" panose="020B0604020202020204" pitchFamily="34" charset="0"/>
              </a:rPr>
              <a:t>/2017/958, </a:t>
            </a:r>
            <a:r>
              <a:rPr lang="fr-FR" b="0" kern="100" dirty="0" err="1">
                <a:latin typeface="Arial" panose="020B0604020202020204" pitchFamily="34" charset="0"/>
                <a:cs typeface="Arial" panose="020B0604020202020204" pitchFamily="34" charset="0"/>
              </a:rPr>
              <a:t>consid</a:t>
            </a:r>
            <a:r>
              <a:rPr lang="fr-FR" b="0" kern="100" dirty="0">
                <a:latin typeface="Arial" panose="020B0604020202020204" pitchFamily="34" charset="0"/>
                <a:cs typeface="Arial" panose="020B0604020202020204" pitchFamily="34" charset="0"/>
              </a:rPr>
              <a:t>. 3.1)</a:t>
            </a:r>
          </a:p>
          <a:p>
            <a:pPr marL="342900" indent="-342900" algn="just">
              <a:lnSpc>
                <a:spcPct val="102000"/>
              </a:lnSpc>
              <a:spcBef>
                <a:spcPts val="1200"/>
              </a:spcBef>
              <a:spcAft>
                <a:spcPts val="600"/>
              </a:spcAft>
              <a:buFont typeface="Symbol" panose="05050102010706020507" pitchFamily="18" charset="2"/>
              <a:buChar char=""/>
            </a:pPr>
            <a:r>
              <a:rPr lang="fr-CH" sz="1400" kern="100" dirty="0">
                <a:latin typeface="Arial" panose="020B0604020202020204" pitchFamily="34" charset="0"/>
                <a:cs typeface="Arial" panose="020B0604020202020204" pitchFamily="34" charset="0"/>
              </a:rPr>
              <a:t>Prise en compte des déséquilibres d'information et des asymétries de </a:t>
            </a:r>
            <a:r>
              <a:rPr lang="fr-CH" sz="1400" kern="100" dirty="0">
                <a:effectLst/>
                <a:latin typeface="Arial" panose="020B0604020202020204" pitchFamily="34" charset="0"/>
                <a:ea typeface="Calibri" panose="020F0502020204030204" pitchFamily="34" charset="0"/>
                <a:cs typeface="Arial" panose="020B0604020202020204" pitchFamily="34" charset="0"/>
              </a:rPr>
              <a:t>connaissances</a:t>
            </a:r>
            <a:endParaRPr lang="fr-FR" sz="1400" b="0" kern="100" dirty="0">
              <a:latin typeface="Arial" panose="020B0604020202020204" pitchFamily="34" charset="0"/>
              <a:cs typeface="Arial" panose="020B0604020202020204" pitchFamily="34" charset="0"/>
            </a:endParaRPr>
          </a:p>
          <a:p>
            <a:pPr marL="342900" indent="-342900" algn="just">
              <a:lnSpc>
                <a:spcPct val="102000"/>
              </a:lnSpc>
              <a:buFont typeface="Symbol" panose="05050102010706020507" pitchFamily="18" charset="2"/>
              <a:buChar char=""/>
            </a:pPr>
            <a:endParaRPr lang="fr-FR" sz="1300" kern="100" dirty="0">
              <a:latin typeface="Arial" panose="020B0604020202020204" pitchFamily="34" charset="0"/>
              <a:cs typeface="Arial" panose="020B0604020202020204" pitchFamily="34" charset="0"/>
            </a:endParaRPr>
          </a:p>
          <a:p>
            <a:pPr marL="342900" indent="-342900" algn="just">
              <a:lnSpc>
                <a:spcPct val="102000"/>
              </a:lnSpc>
              <a:buFont typeface="Symbol" panose="05050102010706020507" pitchFamily="18" charset="2"/>
              <a:buChar char=""/>
            </a:pPr>
            <a:endParaRPr lang="fr-FR" sz="1300" kern="100" dirty="0">
              <a:latin typeface="Arial" panose="020B0604020202020204" pitchFamily="34" charset="0"/>
              <a:cs typeface="Arial" panose="020B0604020202020204" pitchFamily="34" charset="0"/>
            </a:endParaRPr>
          </a:p>
          <a:p>
            <a:endParaRPr lang="fr-CH" dirty="0">
              <a:latin typeface="Arial" panose="020B0604020202020204" pitchFamily="34" charset="0"/>
              <a:cs typeface="Arial" panose="020B0604020202020204" pitchFamily="34" charset="0"/>
            </a:endParaRPr>
          </a:p>
        </p:txBody>
      </p:sp>
      <p:sp>
        <p:nvSpPr>
          <p:cNvPr id="20" name="Textfeld 19">
            <a:extLst>
              <a:ext uri="{FF2B5EF4-FFF2-40B4-BE49-F238E27FC236}">
                <a16:creationId xmlns:a16="http://schemas.microsoft.com/office/drawing/2014/main" id="{AA7CBD0A-098F-E8ED-5DDC-54FE61FA5692}"/>
              </a:ext>
            </a:extLst>
          </p:cNvPr>
          <p:cNvSpPr txBox="1"/>
          <p:nvPr/>
        </p:nvSpPr>
        <p:spPr>
          <a:xfrm>
            <a:off x="8040079" y="2297073"/>
            <a:ext cx="3527269" cy="276999"/>
          </a:xfrm>
          <a:prstGeom prst="rect">
            <a:avLst/>
          </a:prstGeom>
          <a:solidFill>
            <a:schemeClr val="accent6"/>
          </a:solidFill>
        </p:spPr>
        <p:txBody>
          <a:bodyPr wrap="square" lIns="0" tIns="0" rIns="0" bIns="0" rtlCol="0">
            <a:spAutoFit/>
          </a:bodyPr>
          <a:lstStyle/>
          <a:p>
            <a:pPr algn="ctr"/>
            <a:r>
              <a:rPr lang="fr-CH" b="1" dirty="0">
                <a:latin typeface="Arial" panose="020B0604020202020204" pitchFamily="34" charset="0"/>
                <a:cs typeface="Arial" panose="020B0604020202020204" pitchFamily="34" charset="0"/>
              </a:rPr>
              <a:t>Droit d’être entendu</a:t>
            </a:r>
          </a:p>
        </p:txBody>
      </p:sp>
      <p:grpSp>
        <p:nvGrpSpPr>
          <p:cNvPr id="22" name="arrow-down-circle">
            <a:extLst>
              <a:ext uri="{FF2B5EF4-FFF2-40B4-BE49-F238E27FC236}">
                <a16:creationId xmlns:a16="http://schemas.microsoft.com/office/drawing/2014/main" id="{465C4DE8-C2B1-1505-63A3-EE8F50AE0456}"/>
              </a:ext>
            </a:extLst>
          </p:cNvPr>
          <p:cNvGrpSpPr>
            <a:grpSpLocks noChangeAspect="1"/>
          </p:cNvGrpSpPr>
          <p:nvPr/>
        </p:nvGrpSpPr>
        <p:grpSpPr>
          <a:xfrm>
            <a:off x="5800938" y="1038677"/>
            <a:ext cx="590123" cy="590123"/>
            <a:chOff x="63500" y="63500"/>
            <a:chExt cx="457200" cy="457200"/>
          </a:xfrm>
          <a:solidFill>
            <a:schemeClr val="bg2">
              <a:lumMod val="40000"/>
              <a:lumOff val="60000"/>
            </a:schemeClr>
          </a:solidFill>
        </p:grpSpPr>
        <p:sp>
          <p:nvSpPr>
            <p:cNvPr id="23" name="Freeform: Shape 13">
              <a:extLst>
                <a:ext uri="{FF2B5EF4-FFF2-40B4-BE49-F238E27FC236}">
                  <a16:creationId xmlns:a16="http://schemas.microsoft.com/office/drawing/2014/main" id="{6E28686F-DF9F-DF9F-5A99-15A6349B7E2E}"/>
                </a:ext>
              </a:extLst>
            </p:cNvPr>
            <p:cNvSpPr/>
            <p:nvPr/>
          </p:nvSpPr>
          <p:spPr>
            <a:xfrm>
              <a:off x="101600" y="101600"/>
              <a:ext cx="381000" cy="381000"/>
            </a:xfrm>
            <a:custGeom>
              <a:avLst/>
              <a:gdLst>
                <a:gd name="connsiteX0" fmla="*/ 381000 w 381000"/>
                <a:gd name="connsiteY0" fmla="*/ 190500 h 381000"/>
                <a:gd name="connsiteX1" fmla="*/ 190500 w 381000"/>
                <a:gd name="connsiteY1" fmla="*/ 381000 h 381000"/>
                <a:gd name="connsiteX2" fmla="*/ 0 w 381000"/>
                <a:gd name="connsiteY2" fmla="*/ 190500 h 381000"/>
                <a:gd name="connsiteX3" fmla="*/ 190500 w 381000"/>
                <a:gd name="connsiteY3" fmla="*/ 0 h 381000"/>
                <a:gd name="connsiteX4" fmla="*/ 381000 w 381000"/>
                <a:gd name="connsiteY4" fmla="*/ 190500 h 3810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1000" h="381000">
                  <a:moveTo>
                    <a:pt x="381000" y="190500"/>
                  </a:moveTo>
                  <a:cubicBezTo>
                    <a:pt x="381000" y="295710"/>
                    <a:pt x="295710" y="381000"/>
                    <a:pt x="190500" y="381000"/>
                  </a:cubicBezTo>
                  <a:cubicBezTo>
                    <a:pt x="85290" y="381000"/>
                    <a:pt x="0" y="295710"/>
                    <a:pt x="0" y="190500"/>
                  </a:cubicBezTo>
                  <a:cubicBezTo>
                    <a:pt x="0" y="85290"/>
                    <a:pt x="85290" y="0"/>
                    <a:pt x="190500" y="0"/>
                  </a:cubicBezTo>
                  <a:cubicBezTo>
                    <a:pt x="295710" y="0"/>
                    <a:pt x="381000" y="85290"/>
                    <a:pt x="381000" y="190500"/>
                  </a:cubicBezTo>
                  <a:close/>
                </a:path>
              </a:pathLst>
            </a:custGeom>
            <a:grpFill/>
            <a:ln w="12700" cap="rnd">
              <a:solidFill>
                <a:schemeClr val="bg2">
                  <a:lumMod val="50000"/>
                </a:schemeClr>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sp>
          <p:nvSpPr>
            <p:cNvPr id="24" name="Freeform: Shape 14">
              <a:extLst>
                <a:ext uri="{FF2B5EF4-FFF2-40B4-BE49-F238E27FC236}">
                  <a16:creationId xmlns:a16="http://schemas.microsoft.com/office/drawing/2014/main" id="{25D908FE-F8ED-207E-7DB2-1110A25C5669}"/>
                </a:ext>
              </a:extLst>
            </p:cNvPr>
            <p:cNvSpPr/>
            <p:nvPr/>
          </p:nvSpPr>
          <p:spPr>
            <a:xfrm>
              <a:off x="215900" y="292100"/>
              <a:ext cx="152400" cy="76200"/>
            </a:xfrm>
            <a:custGeom>
              <a:avLst/>
              <a:gdLst>
                <a:gd name="connsiteX0" fmla="*/ 0 w 152400"/>
                <a:gd name="connsiteY0" fmla="*/ 0 h 76200"/>
                <a:gd name="connsiteX1" fmla="*/ 76200 w 152400"/>
                <a:gd name="connsiteY1" fmla="*/ 76200 h 76200"/>
                <a:gd name="connsiteX2" fmla="*/ 152400 w 152400"/>
                <a:gd name="connsiteY2" fmla="*/ 0 h 76200"/>
              </a:gdLst>
              <a:ahLst/>
              <a:cxnLst>
                <a:cxn ang="0">
                  <a:pos x="connsiteX0" y="connsiteY0"/>
                </a:cxn>
                <a:cxn ang="0">
                  <a:pos x="connsiteX1" y="connsiteY1"/>
                </a:cxn>
                <a:cxn ang="0">
                  <a:pos x="connsiteX2" y="connsiteY2"/>
                </a:cxn>
              </a:cxnLst>
              <a:rect l="l" t="t" r="r" b="b"/>
              <a:pathLst>
                <a:path w="152400" h="76200">
                  <a:moveTo>
                    <a:pt x="0" y="0"/>
                  </a:moveTo>
                  <a:lnTo>
                    <a:pt x="76200" y="76200"/>
                  </a:lnTo>
                  <a:lnTo>
                    <a:pt x="152400" y="0"/>
                  </a:lnTo>
                </a:path>
              </a:pathLst>
            </a:custGeom>
            <a:grpFill/>
            <a:ln w="12700" cap="rnd">
              <a:solidFill>
                <a:schemeClr val="bg2">
                  <a:lumMod val="50000"/>
                </a:schemeClr>
              </a:solidFill>
              <a:prstDash val="solid"/>
              <a:round/>
            </a:ln>
          </p:spPr>
          <p:txBody>
            <a:bodyPr rtlCol="0" anchor="ctr"/>
            <a:lstStyle/>
            <a:p>
              <a:endParaRPr lang="de-CH" b="1" dirty="0">
                <a:latin typeface="Arial" panose="020B0604020202020204" pitchFamily="34" charset="0"/>
                <a:cs typeface="Arial" panose="020B0604020202020204" pitchFamily="34" charset="0"/>
              </a:endParaRPr>
            </a:p>
          </p:txBody>
        </p:sp>
        <p:sp>
          <p:nvSpPr>
            <p:cNvPr id="28" name="Freeform: Shape 15">
              <a:extLst>
                <a:ext uri="{FF2B5EF4-FFF2-40B4-BE49-F238E27FC236}">
                  <a16:creationId xmlns:a16="http://schemas.microsoft.com/office/drawing/2014/main" id="{39215F71-CB35-4E20-137E-C923C9FE1DEB}"/>
                </a:ext>
              </a:extLst>
            </p:cNvPr>
            <p:cNvSpPr/>
            <p:nvPr/>
          </p:nvSpPr>
          <p:spPr>
            <a:xfrm>
              <a:off x="292100" y="215900"/>
              <a:ext cx="19050" cy="152400"/>
            </a:xfrm>
            <a:custGeom>
              <a:avLst/>
              <a:gdLst>
                <a:gd name="connsiteX0" fmla="*/ 0 w 19050"/>
                <a:gd name="connsiteY0" fmla="*/ 0 h 152400"/>
                <a:gd name="connsiteX1" fmla="*/ 0 w 19050"/>
                <a:gd name="connsiteY1" fmla="*/ 152400 h 152400"/>
              </a:gdLst>
              <a:ahLst/>
              <a:cxnLst>
                <a:cxn ang="0">
                  <a:pos x="connsiteX0" y="connsiteY0"/>
                </a:cxn>
                <a:cxn ang="0">
                  <a:pos x="connsiteX1" y="connsiteY1"/>
                </a:cxn>
              </a:cxnLst>
              <a:rect l="l" t="t" r="r" b="b"/>
              <a:pathLst>
                <a:path w="19050" h="152400">
                  <a:moveTo>
                    <a:pt x="0" y="0"/>
                  </a:moveTo>
                  <a:lnTo>
                    <a:pt x="0" y="152400"/>
                  </a:lnTo>
                </a:path>
              </a:pathLst>
            </a:custGeom>
            <a:grpFill/>
            <a:ln w="12700" cap="rnd">
              <a:solidFill>
                <a:schemeClr val="bg2">
                  <a:lumMod val="50000"/>
                </a:schemeClr>
              </a:solidFill>
              <a:prstDash val="solid"/>
              <a:round/>
            </a:ln>
          </p:spPr>
          <p:txBody>
            <a:bodyPr rtlCol="0" anchor="ctr"/>
            <a:lstStyle/>
            <a:p>
              <a:endParaRPr lang="de-CH">
                <a:latin typeface="Arial" panose="020B0604020202020204" pitchFamily="34" charset="0"/>
                <a:cs typeface="Arial" panose="020B0604020202020204" pitchFamily="34" charset="0"/>
              </a:endParaRPr>
            </a:p>
          </p:txBody>
        </p:sp>
      </p:grpSp>
      <p:sp>
        <p:nvSpPr>
          <p:cNvPr id="30" name="Textfeld 29">
            <a:extLst>
              <a:ext uri="{FF2B5EF4-FFF2-40B4-BE49-F238E27FC236}">
                <a16:creationId xmlns:a16="http://schemas.microsoft.com/office/drawing/2014/main" id="{4FFE5FBA-723B-25D9-C7B4-A12C2685EA39}"/>
              </a:ext>
            </a:extLst>
          </p:cNvPr>
          <p:cNvSpPr txBox="1"/>
          <p:nvPr/>
        </p:nvSpPr>
        <p:spPr>
          <a:xfrm>
            <a:off x="623692" y="1691516"/>
            <a:ext cx="10943656" cy="369332"/>
          </a:xfrm>
          <a:prstGeom prst="rect">
            <a:avLst/>
          </a:prstGeom>
          <a:noFill/>
        </p:spPr>
        <p:txBody>
          <a:bodyPr wrap="square">
            <a:spAutoFit/>
          </a:bodyPr>
          <a:lstStyle/>
          <a:p>
            <a:pPr algn="ctr"/>
            <a:r>
              <a:rPr lang="fr-CH" b="1" dirty="0">
                <a:latin typeface="Arial" panose="020B0604020202020204" pitchFamily="34" charset="0"/>
                <a:cs typeface="Arial" panose="020B0604020202020204" pitchFamily="34" charset="0"/>
              </a:rPr>
              <a:t>Admissibilité selon les exigences de la maxime des débats</a:t>
            </a:r>
            <a:endParaRPr lang="fr-CH" dirty="0">
              <a:latin typeface="Arial" panose="020B0604020202020204" pitchFamily="34" charset="0"/>
              <a:cs typeface="Arial" panose="020B0604020202020204" pitchFamily="34" charset="0"/>
            </a:endParaRPr>
          </a:p>
        </p:txBody>
      </p:sp>
      <p:sp>
        <p:nvSpPr>
          <p:cNvPr id="50" name="Untertitel 49">
            <a:extLst>
              <a:ext uri="{FF2B5EF4-FFF2-40B4-BE49-F238E27FC236}">
                <a16:creationId xmlns:a16="http://schemas.microsoft.com/office/drawing/2014/main" id="{B7B5F494-85FF-3066-A7AD-3E1964EF85DD}"/>
              </a:ext>
            </a:extLst>
          </p:cNvPr>
          <p:cNvSpPr>
            <a:spLocks noGrp="1"/>
          </p:cNvSpPr>
          <p:nvPr>
            <p:ph type="subTitle" idx="13"/>
          </p:nvPr>
        </p:nvSpPr>
        <p:spPr/>
        <p:txBody>
          <a:bodyPr/>
          <a:lstStyle/>
          <a:p>
            <a:r>
              <a:rPr lang="fr-CH" dirty="0">
                <a:latin typeface="Arial" panose="020B0604020202020204" pitchFamily="34" charset="0"/>
                <a:cs typeface="Arial" panose="020B0604020202020204" pitchFamily="34" charset="0"/>
              </a:rPr>
              <a:t>II.	Exploitabilité des faits exorbitants</a:t>
            </a:r>
          </a:p>
        </p:txBody>
      </p:sp>
      <p:sp>
        <p:nvSpPr>
          <p:cNvPr id="51" name="Titel 1">
            <a:extLst>
              <a:ext uri="{FF2B5EF4-FFF2-40B4-BE49-F238E27FC236}">
                <a16:creationId xmlns:a16="http://schemas.microsoft.com/office/drawing/2014/main" id="{6039CF7F-12AA-DF5A-9685-30719AB6C88D}"/>
              </a:ext>
            </a:extLst>
          </p:cNvPr>
          <p:cNvSpPr txBox="1">
            <a:spLocks/>
          </p:cNvSpPr>
          <p:nvPr/>
        </p:nvSpPr>
        <p:spPr>
          <a:xfrm>
            <a:off x="335360" y="446738"/>
            <a:ext cx="9360000" cy="461982"/>
          </a:xfrm>
          <a:prstGeom prst="rect">
            <a:avLst/>
          </a:prstGeom>
        </p:spPr>
        <p:txBody>
          <a:bodyPr vert="horz" lIns="0" tIns="0" rIns="0" bIns="0" rtlCol="0" anchor="t">
            <a:noAutofit/>
          </a:bodyPr>
          <a:lstStyle>
            <a:lvl1pPr algn="l" defTabSz="914400" rtl="0" eaLnBrk="1" latinLnBrk="0" hangingPunct="1">
              <a:lnSpc>
                <a:spcPct val="90000"/>
              </a:lnSpc>
              <a:spcBef>
                <a:spcPct val="0"/>
              </a:spcBef>
              <a:buNone/>
              <a:tabLst>
                <a:tab pos="270000" algn="l"/>
              </a:tabLst>
              <a:defRPr sz="1000" b="1" kern="1200">
                <a:solidFill>
                  <a:schemeClr val="tx1"/>
                </a:solidFill>
                <a:latin typeface="+mj-lt"/>
                <a:ea typeface="+mj-ea"/>
                <a:cs typeface="+mj-cs"/>
              </a:defRPr>
            </a:lvl1pPr>
          </a:lstStyle>
          <a:p>
            <a:r>
              <a:rPr lang="fr-CH" b="0" dirty="0">
                <a:latin typeface="Arial" panose="020B0604020202020204" pitchFamily="34" charset="0"/>
                <a:cs typeface="Arial" panose="020B0604020202020204" pitchFamily="34" charset="0"/>
              </a:rPr>
              <a:t>B.	Solution proposée</a:t>
            </a:r>
            <a:br>
              <a:rPr lang="fr-CH" dirty="0">
                <a:latin typeface="Arial" panose="020B0604020202020204" pitchFamily="34" charset="0"/>
                <a:cs typeface="Arial" panose="020B0604020202020204" pitchFamily="34" charset="0"/>
              </a:rPr>
            </a:br>
            <a:r>
              <a:rPr lang="fr-CH" dirty="0">
                <a:latin typeface="Arial" panose="020B0604020202020204" pitchFamily="34" charset="0"/>
                <a:cs typeface="Arial" panose="020B0604020202020204" pitchFamily="34" charset="0"/>
              </a:rPr>
              <a:t>2.	Faits exorbitants au sens impropre</a:t>
            </a:r>
          </a:p>
        </p:txBody>
      </p:sp>
      <p:sp>
        <p:nvSpPr>
          <p:cNvPr id="52" name="Textfeld 51">
            <a:extLst>
              <a:ext uri="{FF2B5EF4-FFF2-40B4-BE49-F238E27FC236}">
                <a16:creationId xmlns:a16="http://schemas.microsoft.com/office/drawing/2014/main" id="{31A68E36-A53C-DAD5-7E8B-2A77C72C9B06}"/>
              </a:ext>
            </a:extLst>
          </p:cNvPr>
          <p:cNvSpPr txBox="1"/>
          <p:nvPr/>
        </p:nvSpPr>
        <p:spPr>
          <a:xfrm>
            <a:off x="11496600" y="260648"/>
            <a:ext cx="504056" cy="1584176"/>
          </a:xfrm>
          <a:prstGeom prst="rect">
            <a:avLst/>
          </a:prstGeom>
          <a:solidFill>
            <a:schemeClr val="bg1"/>
          </a:solidFill>
        </p:spPr>
        <p:txBody>
          <a:bodyPr wrap="square" lIns="0" tIns="0" rIns="0" bIns="0" rtlCol="0">
            <a:spAutoFit/>
          </a:bodyPr>
          <a:lstStyle/>
          <a:p>
            <a:pPr algn="l"/>
            <a:endParaRPr lang="de-CH" dirty="0" err="1"/>
          </a:p>
        </p:txBody>
      </p:sp>
    </p:spTree>
    <p:extLst>
      <p:ext uri="{BB962C8B-B14F-4D97-AF65-F5344CB8AC3E}">
        <p14:creationId xmlns:p14="http://schemas.microsoft.com/office/powerpoint/2010/main" val="318136322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LANGUAGEID" val="2055"/>
  <p:tag name="VERSINFO" val="H3006"/>
  <p:tag name="LANGUAGE" val="1033"/>
</p:tagLst>
</file>

<file path=ppt/tags/tag10.xml><?xml version="1.0" encoding="utf-8"?>
<p:tagLst xmlns:a="http://schemas.openxmlformats.org/drawingml/2006/main" xmlns:r="http://schemas.openxmlformats.org/officeDocument/2006/relationships" xmlns:p="http://schemas.openxmlformats.org/presentationml/2006/main">
  <p:tag name="SHAPETYPE" val="Logo"/>
</p:tagLst>
</file>

<file path=ppt/tags/tag11.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12.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13.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14.xml><?xml version="1.0" encoding="utf-8"?>
<p:tagLst xmlns:a="http://schemas.openxmlformats.org/drawingml/2006/main" xmlns:r="http://schemas.openxmlformats.org/officeDocument/2006/relationships" xmlns:p="http://schemas.openxmlformats.org/presentationml/2006/main">
  <p:tag name="SHAPETYPE" val="Logo"/>
</p:tagLst>
</file>

<file path=ppt/tags/tag15.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16.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17.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18.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19.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2.xml><?xml version="1.0" encoding="utf-8"?>
<p:tagLst xmlns:a="http://schemas.openxmlformats.org/drawingml/2006/main" xmlns:r="http://schemas.openxmlformats.org/officeDocument/2006/relationships" xmlns:p="http://schemas.openxmlformats.org/presentationml/2006/main">
  <p:tag name="SHAPETYPE" val="Logo"/>
</p:tagLst>
</file>

<file path=ppt/tags/tag20.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21.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22.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23.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24.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25.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26.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27.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28.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29.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3.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30.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31.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32.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33.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34.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35.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36.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37.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38.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39.xml><?xml version="1.0" encoding="utf-8"?>
<p:tagLst xmlns:a="http://schemas.openxmlformats.org/drawingml/2006/main" xmlns:r="http://schemas.openxmlformats.org/officeDocument/2006/relationships" xmlns:p="http://schemas.openxmlformats.org/presentationml/2006/main">
  <p:tag name="SHAPETYPE" val="Logo"/>
</p:tagLst>
</file>

<file path=ppt/tags/tag4.xml><?xml version="1.0" encoding="utf-8"?>
<p:tagLst xmlns:a="http://schemas.openxmlformats.org/drawingml/2006/main" xmlns:r="http://schemas.openxmlformats.org/officeDocument/2006/relationships" xmlns:p="http://schemas.openxmlformats.org/presentationml/2006/main">
  <p:tag name="SHAPETYPE" val="Logo"/>
</p:tagLst>
</file>

<file path=ppt/tags/tag40.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41.xml><?xml version="1.0" encoding="utf-8"?>
<p:tagLst xmlns:a="http://schemas.openxmlformats.org/drawingml/2006/main" xmlns:r="http://schemas.openxmlformats.org/officeDocument/2006/relationships" xmlns:p="http://schemas.openxmlformats.org/presentationml/2006/main">
  <p:tag name="SHAPETYPE" val="Logo"/>
</p:tagLst>
</file>

<file path=ppt/tags/tag42.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43.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44.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45.xml><?xml version="1.0" encoding="utf-8"?>
<p:tagLst xmlns:a="http://schemas.openxmlformats.org/drawingml/2006/main" xmlns:r="http://schemas.openxmlformats.org/officeDocument/2006/relationships" xmlns:p="http://schemas.openxmlformats.org/presentationml/2006/main">
  <p:tag name="SHAPETYPE" val="Logo"/>
</p:tagLst>
</file>

<file path=ppt/tags/tag46.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47.xml><?xml version="1.0" encoding="utf-8"?>
<p:tagLst xmlns:a="http://schemas.openxmlformats.org/drawingml/2006/main" xmlns:r="http://schemas.openxmlformats.org/officeDocument/2006/relationships" xmlns:p="http://schemas.openxmlformats.org/presentationml/2006/main">
  <p:tag name="SHAPETYPE" val="Logo"/>
</p:tagLst>
</file>

<file path=ppt/tags/tag48.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49.xml><?xml version="1.0" encoding="utf-8"?>
<p:tagLst xmlns:a="http://schemas.openxmlformats.org/drawingml/2006/main" xmlns:r="http://schemas.openxmlformats.org/officeDocument/2006/relationships" xmlns:p="http://schemas.openxmlformats.org/presentationml/2006/main">
  <p:tag name="SHAPETYPE" val="Logo"/>
</p:tagLst>
</file>

<file path=ppt/tags/tag5.xml><?xml version="1.0" encoding="utf-8"?>
<p:tagLst xmlns:a="http://schemas.openxmlformats.org/drawingml/2006/main" xmlns:r="http://schemas.openxmlformats.org/officeDocument/2006/relationships" xmlns:p="http://schemas.openxmlformats.org/presentationml/2006/main">
  <p:tag name="SHAPETYPE" val="Logo"/>
</p:tagLst>
</file>

<file path=ppt/tags/tag50.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51.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52.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53.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54.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55.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56.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57.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58.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59.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6.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60.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61.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62.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63.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64.xml><?xml version="1.0" encoding="utf-8"?>
<p:tagLst xmlns:a="http://schemas.openxmlformats.org/drawingml/2006/main" xmlns:r="http://schemas.openxmlformats.org/officeDocument/2006/relationships" xmlns:p="http://schemas.openxmlformats.org/presentationml/2006/main">
  <p:tag name="SHAPETYPE" val="Logo"/>
</p:tagLst>
</file>

<file path=ppt/tags/tag65.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66.xml><?xml version="1.0" encoding="utf-8"?>
<p:tagLst xmlns:a="http://schemas.openxmlformats.org/drawingml/2006/main" xmlns:r="http://schemas.openxmlformats.org/officeDocument/2006/relationships" xmlns:p="http://schemas.openxmlformats.org/presentationml/2006/main">
  <p:tag name="SHAPETYPE" val="Logo"/>
</p:tagLst>
</file>

<file path=ppt/tags/tag67.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68.xml><?xml version="1.0" encoding="utf-8"?>
<p:tagLst xmlns:a="http://schemas.openxmlformats.org/drawingml/2006/main" xmlns:r="http://schemas.openxmlformats.org/officeDocument/2006/relationships" xmlns:p="http://schemas.openxmlformats.org/presentationml/2006/main">
  <p:tag name="SHAPETYPE" val="Logo"/>
</p:tagLst>
</file>

<file path=ppt/tags/tag69.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7.xml><?xml version="1.0" encoding="utf-8"?>
<p:tagLst xmlns:a="http://schemas.openxmlformats.org/drawingml/2006/main" xmlns:r="http://schemas.openxmlformats.org/officeDocument/2006/relationships" xmlns:p="http://schemas.openxmlformats.org/presentationml/2006/main">
  <p:tag name="SHAPETYPE" val="Logo"/>
</p:tagLst>
</file>

<file path=ppt/tags/tag70.xml><?xml version="1.0" encoding="utf-8"?>
<p:tagLst xmlns:a="http://schemas.openxmlformats.org/drawingml/2006/main" xmlns:r="http://schemas.openxmlformats.org/officeDocument/2006/relationships" xmlns:p="http://schemas.openxmlformats.org/presentationml/2006/main">
  <p:tag name="SHAPETYPE" val="Logo"/>
</p:tagLst>
</file>

<file path=ppt/tags/tag71.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72.xml><?xml version="1.0" encoding="utf-8"?>
<p:tagLst xmlns:a="http://schemas.openxmlformats.org/drawingml/2006/main" xmlns:r="http://schemas.openxmlformats.org/officeDocument/2006/relationships" xmlns:p="http://schemas.openxmlformats.org/presentationml/2006/main">
  <p:tag name="SHAPETYPE" val="Logo"/>
</p:tagLst>
</file>

<file path=ppt/tags/tag73.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74.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75.xml><?xml version="1.0" encoding="utf-8"?>
<p:tagLst xmlns:a="http://schemas.openxmlformats.org/drawingml/2006/main" xmlns:r="http://schemas.openxmlformats.org/officeDocument/2006/relationships" xmlns:p="http://schemas.openxmlformats.org/presentationml/2006/main">
  <p:tag name="SHAPETYPE" val="Classification"/>
</p:tagLst>
</file>

<file path=ppt/tags/tag76.xml><?xml version="1.0" encoding="utf-8"?>
<p:tagLst xmlns:a="http://schemas.openxmlformats.org/drawingml/2006/main" xmlns:r="http://schemas.openxmlformats.org/officeDocument/2006/relationships" xmlns:p="http://schemas.openxmlformats.org/presentationml/2006/main">
  <p:tag name="SHAPETYPE" val="Logo"/>
</p:tagLst>
</file>

<file path=ppt/tags/tag77.xml><?xml version="1.0" encoding="utf-8"?>
<p:tagLst xmlns:a="http://schemas.openxmlformats.org/drawingml/2006/main" xmlns:r="http://schemas.openxmlformats.org/officeDocument/2006/relationships" xmlns:p="http://schemas.openxmlformats.org/presentationml/2006/main">
  <p:tag name="SHAPETYPE" val="Logo"/>
</p:tagLst>
</file>

<file path=ppt/tags/tag8.xml><?xml version="1.0" encoding="utf-8"?>
<p:tagLst xmlns:a="http://schemas.openxmlformats.org/drawingml/2006/main" xmlns:r="http://schemas.openxmlformats.org/officeDocument/2006/relationships" xmlns:p="http://schemas.openxmlformats.org/presentationml/2006/main">
  <p:tag name="SHAPETYPE" val="Logo"/>
</p:tagLst>
</file>

<file path=ppt/tags/tag9.xml><?xml version="1.0" encoding="utf-8"?>
<p:tagLst xmlns:a="http://schemas.openxmlformats.org/drawingml/2006/main" xmlns:r="http://schemas.openxmlformats.org/officeDocument/2006/relationships" xmlns:p="http://schemas.openxmlformats.org/presentationml/2006/main">
  <p:tag name="SHAPETYPE" val="Classification"/>
</p:tagLst>
</file>

<file path=ppt/theme/theme1.xml><?xml version="1.0" encoding="utf-8"?>
<a:theme xmlns:a="http://schemas.openxmlformats.org/drawingml/2006/main" name="Homburger">
  <a:themeElements>
    <a:clrScheme name="Homburger - Blue">
      <a:dk1>
        <a:srgbClr val="000000"/>
      </a:dk1>
      <a:lt1>
        <a:sysClr val="window" lastClr="FFFFFF"/>
      </a:lt1>
      <a:dk2>
        <a:srgbClr val="46B4D7"/>
      </a:dk2>
      <a:lt2>
        <a:srgbClr val="969696"/>
      </a:lt2>
      <a:accent1>
        <a:srgbClr val="46CFF0"/>
      </a:accent1>
      <a:accent2>
        <a:srgbClr val="9664E1"/>
      </a:accent2>
      <a:accent3>
        <a:srgbClr val="FF7382"/>
      </a:accent3>
      <a:accent4>
        <a:srgbClr val="3F42FF"/>
      </a:accent4>
      <a:accent5>
        <a:srgbClr val="28C591"/>
      </a:accent5>
      <a:accent6>
        <a:srgbClr val="FFA65F"/>
      </a:accent6>
      <a:hlink>
        <a:srgbClr val="46B4D7"/>
      </a:hlink>
      <a:folHlink>
        <a:srgbClr val="B4E1EF"/>
      </a:folHlink>
    </a:clrScheme>
    <a:fontScheme name="Personnalisé 1">
      <a:majorFont>
        <a:latin typeface="Calibri Light"/>
        <a:ea typeface=""/>
        <a:cs typeface=""/>
      </a:majorFont>
      <a:minorFont>
        <a:latin typeface="Gellix"/>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noFill/>
        <a:ln w="19050">
          <a:solidFill>
            <a:srgbClr val="969696"/>
          </a:solidFill>
        </a:ln>
      </a:spPr>
      <a:bodyPr rtlCol="0" anchor="ctr"/>
      <a:lstStyle>
        <a:defPPr algn="ctr">
          <a:defRPr sz="1200" dirty="0" err="1"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rgbClr val="969696"/>
          </a:solidFill>
          <a:headEnd type="none"/>
          <a:tailEnd type="none" w="sm" len="sm"/>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dirty="0" err="1" smtClean="0"/>
        </a:defPPr>
      </a:lstStyle>
    </a:txDef>
  </a:objectDefaults>
  <a:extraClrSchemeLst>
    <a:extraClrScheme>
      <a:clrScheme name="HOM Blue">
        <a:dk1>
          <a:sysClr val="windowText" lastClr="000000"/>
        </a:dk1>
        <a:lt1>
          <a:sysClr val="window" lastClr="FFFFFF"/>
        </a:lt1>
        <a:dk2>
          <a:srgbClr val="46B4D7"/>
        </a:dk2>
        <a:lt2>
          <a:srgbClr val="46B4D7"/>
        </a:lt2>
        <a:accent1>
          <a:srgbClr val="46CFF0"/>
        </a:accent1>
        <a:accent2>
          <a:srgbClr val="9664E1"/>
        </a:accent2>
        <a:accent3>
          <a:srgbClr val="FF7382"/>
        </a:accent3>
        <a:accent4>
          <a:srgbClr val="3F42FF"/>
        </a:accent4>
        <a:accent5>
          <a:srgbClr val="28E6A5"/>
        </a:accent5>
        <a:accent6>
          <a:srgbClr val="FFA65F"/>
        </a:accent6>
        <a:hlink>
          <a:srgbClr val="46B4D7"/>
        </a:hlink>
        <a:folHlink>
          <a:srgbClr val="B4E1EF"/>
        </a:folHlink>
      </a:clrScheme>
    </a:extraClrScheme>
    <a:extraClrScheme>
      <a:clrScheme name="HOM Green">
        <a:dk1>
          <a:sysClr val="windowText" lastClr="000000"/>
        </a:dk1>
        <a:lt1>
          <a:sysClr val="window" lastClr="FFFFFF"/>
        </a:lt1>
        <a:dk2>
          <a:srgbClr val="28C591"/>
        </a:dk2>
        <a:lt2>
          <a:srgbClr val="28C591"/>
        </a:lt2>
        <a:accent1>
          <a:srgbClr val="28E6A5"/>
        </a:accent1>
        <a:accent2>
          <a:srgbClr val="3F42FF"/>
        </a:accent2>
        <a:accent3>
          <a:srgbClr val="FF7382"/>
        </a:accent3>
        <a:accent4>
          <a:srgbClr val="46CFF0"/>
        </a:accent4>
        <a:accent5>
          <a:srgbClr val="9664E1"/>
        </a:accent5>
        <a:accent6>
          <a:srgbClr val="FFA65F"/>
        </a:accent6>
        <a:hlink>
          <a:srgbClr val="28C591"/>
        </a:hlink>
        <a:folHlink>
          <a:srgbClr val="A4ECD4"/>
        </a:folHlink>
      </a:clrScheme>
    </a:extraClrScheme>
    <a:extraClrScheme>
      <a:clrScheme name="HOM Red">
        <a:dk1>
          <a:sysClr val="windowText" lastClr="000000"/>
        </a:dk1>
        <a:lt1>
          <a:sysClr val="window" lastClr="FFFFFF"/>
        </a:lt1>
        <a:dk2>
          <a:srgbClr val="FF7382"/>
        </a:dk2>
        <a:lt2>
          <a:srgbClr val="FF7382"/>
        </a:lt2>
        <a:accent1>
          <a:srgbClr val="FF7382"/>
        </a:accent1>
        <a:accent2>
          <a:srgbClr val="46CFF0"/>
        </a:accent2>
        <a:accent3>
          <a:srgbClr val="9664E1"/>
        </a:accent3>
        <a:accent4>
          <a:srgbClr val="28E6A5"/>
        </a:accent4>
        <a:accent5>
          <a:srgbClr val="3F42FF"/>
        </a:accent5>
        <a:accent6>
          <a:srgbClr val="FFA65F"/>
        </a:accent6>
        <a:hlink>
          <a:srgbClr val="FF7382"/>
        </a:hlink>
        <a:folHlink>
          <a:srgbClr val="FFC7CD"/>
        </a:folHlink>
      </a:clrScheme>
    </a:extraClrScheme>
    <a:extraClrScheme>
      <a:clrScheme name="HOM Violet">
        <a:dk1>
          <a:sysClr val="windowText" lastClr="000000"/>
        </a:dk1>
        <a:lt1>
          <a:sysClr val="window" lastClr="FFFFFF"/>
        </a:lt1>
        <a:dk2>
          <a:srgbClr val="9664E1"/>
        </a:dk2>
        <a:lt2>
          <a:srgbClr val="9664E1"/>
        </a:lt2>
        <a:accent1>
          <a:srgbClr val="9664E1"/>
        </a:accent1>
        <a:accent2>
          <a:srgbClr val="46CFF0"/>
        </a:accent2>
        <a:accent3>
          <a:srgbClr val="9664E1"/>
        </a:accent3>
        <a:accent4>
          <a:srgbClr val="28E6A5"/>
        </a:accent4>
        <a:accent5>
          <a:srgbClr val="3F42FF"/>
        </a:accent5>
        <a:accent6>
          <a:srgbClr val="FFA65F"/>
        </a:accent6>
        <a:hlink>
          <a:srgbClr val="9664E1"/>
        </a:hlink>
        <a:folHlink>
          <a:srgbClr val="D5C1F2"/>
        </a:folHlink>
      </a:clrScheme>
    </a:extraClrScheme>
  </a:extraClrSchemeLst>
  <a:custClrLst>
    <a:custClr name="Grey">
      <a:srgbClr val="969696"/>
    </a:custClr>
    <a:custClr name="Light Grey">
      <a:srgbClr val="F0F0F0"/>
    </a:custClr>
    <a:custClr name="Dark Blue">
      <a:srgbClr val="3F42FF"/>
    </a:custClr>
    <a:custClr name="Orange">
      <a:srgbClr val="FFA65F"/>
    </a:custClr>
    <a:custClr name="Sand">
      <a:srgbClr val="DCD7C8"/>
    </a:custClr>
    <a:custClr name="Dark Grey">
      <a:srgbClr val="505050"/>
    </a:custClr>
  </a:custClrLst>
  <a:extLst>
    <a:ext uri="{05A4C25C-085E-4340-85A3-A5531E510DB2}">
      <thm15:themeFamily xmlns:thm15="http://schemas.microsoft.com/office/thememl/2012/main" name="Firmenpräsentation EN.potx" id="{DF53DA56-8846-4AC2-9230-1B64FD06FA5C}" vid="{CA792A73-16D4-4404-A5C6-200E930D2B67}"/>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ktiv Grotesk Homburger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ktiv Grotesk Homburger"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raClrScheme>
      <a:clrScheme name="HOM Blue">
        <a:dk1>
          <a:sysClr val="windowText" lastClr="000000"/>
        </a:dk1>
        <a:lt1>
          <a:sysClr val="window" lastClr="FFFFFF"/>
        </a:lt1>
        <a:dk2>
          <a:srgbClr val="46B4D7"/>
        </a:dk2>
        <a:lt2>
          <a:srgbClr val="46B4D7"/>
        </a:lt2>
        <a:accent1>
          <a:srgbClr val="46CFF0"/>
        </a:accent1>
        <a:accent2>
          <a:srgbClr val="9664E1"/>
        </a:accent2>
        <a:accent3>
          <a:srgbClr val="FF7382"/>
        </a:accent3>
        <a:accent4>
          <a:srgbClr val="3F42FF"/>
        </a:accent4>
        <a:accent5>
          <a:srgbClr val="28E6A5"/>
        </a:accent5>
        <a:accent6>
          <a:srgbClr val="FFA65F"/>
        </a:accent6>
        <a:hlink>
          <a:srgbClr val="46B4D7"/>
        </a:hlink>
        <a:folHlink>
          <a:srgbClr val="B4E1EF"/>
        </a:folHlink>
      </a:clrScheme>
    </a:extraClrScheme>
    <a:extraClrScheme>
      <a:clrScheme name="HOM Green">
        <a:dk1>
          <a:sysClr val="windowText" lastClr="000000"/>
        </a:dk1>
        <a:lt1>
          <a:sysClr val="window" lastClr="FFFFFF"/>
        </a:lt1>
        <a:dk2>
          <a:srgbClr val="28C591"/>
        </a:dk2>
        <a:lt2>
          <a:srgbClr val="28C591"/>
        </a:lt2>
        <a:accent1>
          <a:srgbClr val="28E6A5"/>
        </a:accent1>
        <a:accent2>
          <a:srgbClr val="3F42FF"/>
        </a:accent2>
        <a:accent3>
          <a:srgbClr val="FF7382"/>
        </a:accent3>
        <a:accent4>
          <a:srgbClr val="46CFF0"/>
        </a:accent4>
        <a:accent5>
          <a:srgbClr val="9664E1"/>
        </a:accent5>
        <a:accent6>
          <a:srgbClr val="FFA65F"/>
        </a:accent6>
        <a:hlink>
          <a:srgbClr val="28C591"/>
        </a:hlink>
        <a:folHlink>
          <a:srgbClr val="A4ECD4"/>
        </a:folHlink>
      </a:clrScheme>
    </a:extraClrScheme>
    <a:extraClrScheme>
      <a:clrScheme name="HOM Red">
        <a:dk1>
          <a:sysClr val="windowText" lastClr="000000"/>
        </a:dk1>
        <a:lt1>
          <a:sysClr val="window" lastClr="FFFFFF"/>
        </a:lt1>
        <a:dk2>
          <a:srgbClr val="FF7382"/>
        </a:dk2>
        <a:lt2>
          <a:srgbClr val="FF7382"/>
        </a:lt2>
        <a:accent1>
          <a:srgbClr val="FF7382"/>
        </a:accent1>
        <a:accent2>
          <a:srgbClr val="46CFF0"/>
        </a:accent2>
        <a:accent3>
          <a:srgbClr val="9664E1"/>
        </a:accent3>
        <a:accent4>
          <a:srgbClr val="28E6A5"/>
        </a:accent4>
        <a:accent5>
          <a:srgbClr val="3F42FF"/>
        </a:accent5>
        <a:accent6>
          <a:srgbClr val="FFA65F"/>
        </a:accent6>
        <a:hlink>
          <a:srgbClr val="FF7382"/>
        </a:hlink>
        <a:folHlink>
          <a:srgbClr val="FFC7CD"/>
        </a:folHlink>
      </a:clrScheme>
    </a:extraClrScheme>
    <a:extraClrScheme>
      <a:clrScheme name="HOM Violet">
        <a:dk1>
          <a:sysClr val="windowText" lastClr="000000"/>
        </a:dk1>
        <a:lt1>
          <a:sysClr val="window" lastClr="FFFFFF"/>
        </a:lt1>
        <a:dk2>
          <a:srgbClr val="9664E1"/>
        </a:dk2>
        <a:lt2>
          <a:srgbClr val="9664E1"/>
        </a:lt2>
        <a:accent1>
          <a:srgbClr val="9664E1"/>
        </a:accent1>
        <a:accent2>
          <a:srgbClr val="46CFF0"/>
        </a:accent2>
        <a:accent3>
          <a:srgbClr val="9664E1"/>
        </a:accent3>
        <a:accent4>
          <a:srgbClr val="28E6A5"/>
        </a:accent4>
        <a:accent5>
          <a:srgbClr val="3F42FF"/>
        </a:accent5>
        <a:accent6>
          <a:srgbClr val="FFA65F"/>
        </a:accent6>
        <a:hlink>
          <a:srgbClr val="9664E1"/>
        </a:hlink>
        <a:folHlink>
          <a:srgbClr val="D5C1F2"/>
        </a:folHlink>
      </a:clrScheme>
    </a:extraClrScheme>
  </a:extraClrSchemeLst>
  <a:custClrLst>
    <a:custClr name="Grey">
      <a:srgbClr val="969696"/>
    </a:custClr>
    <a:custClr name="Light Grey">
      <a:srgbClr val="F0F0F0"/>
    </a:custClr>
    <a:custClr name="Dark Blue">
      <a:srgbClr val="3F42FF"/>
    </a:custClr>
    <a:custClr name="Orange">
      <a:srgbClr val="FFA65F"/>
    </a:custClr>
    <a:custClr name="Sand">
      <a:srgbClr val="DCD7C8"/>
    </a:custClr>
    <a:custClr name="Dark Grey">
      <a:srgbClr val="505050"/>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Thème Offic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Personnalisé 1">
      <a:majorFont>
        <a:latin typeface="Calibri Light"/>
        <a:ea typeface=""/>
        <a:cs typeface=""/>
      </a:majorFont>
      <a:minorFont>
        <a:latin typeface="Gellix"/>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Homburger - Blue">
    <a:dk1>
      <a:srgbClr val="000000"/>
    </a:dk1>
    <a:lt1>
      <a:sysClr val="window" lastClr="FFFFFF"/>
    </a:lt1>
    <a:dk2>
      <a:srgbClr val="46B4D7"/>
    </a:dk2>
    <a:lt2>
      <a:srgbClr val="46B4D7"/>
    </a:lt2>
    <a:accent1>
      <a:srgbClr val="46CFF0"/>
    </a:accent1>
    <a:accent2>
      <a:srgbClr val="9664E1"/>
    </a:accent2>
    <a:accent3>
      <a:srgbClr val="FF7382"/>
    </a:accent3>
    <a:accent4>
      <a:srgbClr val="3F42FF"/>
    </a:accent4>
    <a:accent5>
      <a:srgbClr val="28E6A5"/>
    </a:accent5>
    <a:accent6>
      <a:srgbClr val="FFA65F"/>
    </a:accent6>
    <a:hlink>
      <a:srgbClr val="46B4D7"/>
    </a:hlink>
    <a:folHlink>
      <a:srgbClr val="B4E1EF"/>
    </a:folHlink>
  </a:clr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175882372216948","enableDocumentContentUpdater":false,"version":"2.0"}]]></TemplafySlideTemplateConfiguration>
</file>

<file path=customXml/item10.xml><?xml version="1.0" encoding="utf-8"?>
<TemplafySlideTemplateConfiguration><![CDATA[{"slideVersion":1,"isValidatorEnabled":false,"isLocked":false,"elementsMetadata":[],"slideId":"638333809417471582","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TemplateConfiguration><![CDATA[{"elementsMetadata":[{"type":"shape","id":"be53d776-ecd3-4d61-a970-dbe57fabf1fe","elementConfiguration":{"binding":"{{FormatDateTime(Form.Date,Translate(\"DateGeneral\"),DocumentLanguage)}}","type":"text","disableUpdates":false}},{"type":"shape","id":"468969a0-3cae-4453-a01a-22758501710a","elementConfiguration":{"binding":"{{StringJoin(\" / \", Form.Confidentiality.InputField, Translate(Form.Status.StatusPP-Translate, DocumentLanguage))}}","visibility":"","type":"text","disableUpdates":false}},{"type":"shape","id":"86ad51d9-b6c3-4e19-b9a8-c2ab711bc722","elementConfiguration":{"binding":"{{FormatDateTime(Form.Date,Translate(\"DateGeneral\"),DocumentLanguage)}}","type":"text","disableUpdates":false}},{"type":"shape","id":"526ae4e3-e028-41ce-addb-b37aeef6bcc4","elementConfiguration":{"binding":"{{StringJoin(\" / \", Form.Confidentiality.InputField, Translate(Form.Status.StatusPP-Translate, DocumentLanguage))}}","visibility":"","type":"text","disableUpdates":false}},{"type":"shape","id":"08779d85-38cf-427d-8333-e51d8942a6eb","elementConfiguration":{"binding":"{{FormatDateTime(Form.Date,Translate(\"DateGeneral\"),DocumentLanguage)}}","type":"text","disableUpdates":false}},{"type":"shape","id":"d5834516-308f-484a-9c82-17711f9cd30f","elementConfiguration":{"binding":"{{StringJoin(\" / \", Form.Confidentiality.InputField, Translate(Form.Status.StatusPP-Translate, DocumentLanguage))}}","visibility":"","type":"text","disableUpdates":false}},{"type":"shape","id":"9e22c34c-c329-410d-9a0d-2f6088bf4c88","elementConfiguration":{"binding":"{{FormatDateTime(Form.Date,Translate(\"DateGeneral\"),DocumentLanguage)}}","type":"text","disableUpdates":false}},{"type":"shape","id":"ed93f6f7-eb60-4168-b5fe-3016b61374b9","elementConfiguration":{"binding":"{{StringJoin(\" / \", Form.Confidentiality.InputField, Translate(Form.Status.StatusPP-Translate, DocumentLanguage))}}","visibility":"","type":"text","disableUpdates":false}},{"type":"shape","id":"1c0ca08f-db8e-4068-8653-17c63b69e706","elementConfiguration":{"binding":"{{FormatDateTime(Form.Date,Translate(\"DateGeneral\"),DocumentLanguage)}}","type":"text","disableUpdates":false}},{"type":"shape","id":"929434cd-81f0-4de1-bf74-6bd88ff17f0f","elementConfiguration":{"binding":"{{StringJoin(\" / \", Form.Confidentiality.InputField, Translate(Form.Status.StatusPP-Translate, DocumentLanguage))}}","visibility":"","type":"text","disableUpdates":false}},{"type":"shape","id":"2ba5b32f-00da-4215-967f-1802c613fddf","elementConfiguration":{"binding":"{{FormatDateTime(Form.Date,Translate(\"DateGeneral\"),DocumentLanguage)}}","type":"text","disableUpdates":false}},{"type":"shape","id":"bf7a19e9-bfd2-49ef-8146-dd7afee0ddbd","elementConfiguration":{"binding":"{{StringJoin(\" / \", Form.Confidentiality.InputField, Translate(Form.Status.StatusPP-Translate, DocumentLanguage))}}","visibility":"","type":"text","disableUpdates":false}},{"type":"shape","id":"ff460ead-055a-4509-bad6-818ccded5df6","elementConfiguration":{"binding":"{{FormatDateTime(Form.Date,Translate(\"DateGeneral\"),DocumentLanguage)}}","type":"text","disableUpdates":false}},{"type":"shape","id":"eec75cf6-4bf6-4c71-8a86-2684afd2745e","elementConfiguration":{"binding":"{{StringJoin(\" / \", Form.Confidentiality.InputField, Translate(Form.Status.StatusPP-Translate, DocumentLanguage))}}","visibility":"","type":"text","disableUpdates":false}},{"type":"shape","id":"463e6bf4-4f6b-485f-9cd3-f057ada1049c","elementConfiguration":{"binding":"{{FormatDateTime(Form.Date,Translate(\"DateGeneral\"),DocumentLanguage)}}","type":"text","disableUpdates":false}},{"type":"shape","id":"6b6c8a9f-49d9-403f-bdb2-4ae30da04a68","elementConfiguration":{"binding":"{{StringJoin(\" / \", Form.Confidentiality.InputField, Translate(Form.Status.StatusPP-Translate, DocumentLanguage))}}","visibility":"","type":"text","disableUpdates":false}},{"type":"shape","id":"69628577-3220-43ed-be5a-89c670dec690","elementConfiguration":{"binding":"{{FormatDateTime(Form.Date,Translate(\"DateGeneral\"),DocumentLanguage)}}","type":"text","disableUpdates":false}},{"type":"shape","id":"d7f41980-c5b6-40a7-8d87-9a5ce7790472","elementConfiguration":{"binding":"{{StringJoin(\" / \", Form.Confidentiality.InputField, Translate(Form.Status.StatusPP-Translate, DocumentLanguage))}}","visibility":"","type":"text","disableUpdates":false}},{"type":"shape","id":"6a129c9c-1f69-417b-9c93-aff47e490739","elementConfiguration":{"binding":"{{FormatDateTime(Form.Date,Translate(\"DateGeneral\"),DocumentLanguage)}}","type":"text","disableUpdates":false}},{"type":"shape","id":"1f3263e0-b477-4950-8ef9-f264a491fc7f","elementConfiguration":{"binding":"{{StringJoin(\" / \", Form.Confidentiality.InputField, Translate(Form.Status.StatusPP-Translate, DocumentLanguage))}}","visibility":"","type":"text","disableUpdates":false}},{"type":"shape","id":"6537c462-1ebb-4520-b3cb-ebdbcb6bdbd4","elementConfiguration":{"binding":"{{FormatDateTime(Form.Date,Translate(\"DateGeneral\"),DocumentLanguage)}}","type":"text","disableUpdates":false}},{"type":"shape","id":"bc163d6f-b9fb-4392-bc2b-47656b0178fb","elementConfiguration":{"binding":"{{StringJoin(\" / \", Form.Confidentiality.InputField, Translate(Form.Status.StatusPP-Translate, DocumentLanguage))}}","visibility":"","type":"text","disableUpdates":false}},{"type":"shape","id":"ea8779a2-4d93-429c-8f83-5fb2c5a2a836","elementConfiguration":{"binding":"{{FormatDateTime(Form.Date,Translate(\"DateGeneral\"),DocumentLanguage)}}","type":"text","disableUpdates":false}},{"type":"shape","id":"b85c6f74-4b6d-4826-96e2-690561694146","elementConfiguration":{"binding":"{{StringJoin(\" / \", Form.Confidentiality.InputField, Translate(Form.Status.StatusPP-Translate, DocumentLanguage))}}","visibility":"","type":"text","disableUpdates":false}},{"type":"shape","id":"a6a1844b-ed88-49a5-aa8a-4f1226fb1615","elementConfiguration":{"binding":"{{FormatDateTime(Form.Date,Translate(\"DateGeneral\"),DocumentLanguage)}}","type":"text","disableUpdates":false}},{"type":"shape","id":"034e34cf-0703-4ca1-b506-58a937f1350f","elementConfiguration":{"binding":"{{StringJoin(\" / \", Form.Confidentiality.InputField, Translate(Form.Status.StatusPP-Translate, DocumentLanguage))}}","visibility":"","type":"text","disableUpdates":false}},{"type":"shape","id":"5121b70c-b4a1-4f79-a797-248b81332030","elementConfiguration":{"binding":"{{FormatDateTime(Form.Date,Translate(\"DateGeneral\"),DocumentLanguage)}}","type":"text","disableUpdates":false}},{"type":"shape","id":"112a27a6-f978-466d-9e82-0d1d2bc25a88","elementConfiguration":{"binding":"{{StringJoin(\" / \", Form.Confidentiality.InputField, Translate(Form.Status.StatusPP-Translate, DocumentLanguage))}}","visibility":"","type":"text","disableUpdates":false}},{"type":"shape","id":"8bfeb2b7-bacc-4f6b-b73f-59024f6ccc8e","elementConfiguration":{"binding":"{{FormatDateTime(Form.Date,Translate(\"DateGeneral\"),DocumentLanguage)}}","type":"text","disableUpdates":false}},{"type":"shape","id":"5c33845c-bccf-41fd-b5d9-eea88cc5a26a","elementConfiguration":{"binding":"{{StringJoin(\" / \", Form.Confidentiality.InputField, Translate(Form.Status.StatusPP-Translate, DocumentLanguage))}}","visibility":"","type":"text","disableUpdates":false}},{"type":"shape","id":"25a3fea8-4946-46fa-8333-0d63831ea7ec","elementConfiguration":{"binding":"{{FormatDateTime(Form.Date,Translate(\"DateGeneral\"),DocumentLanguage)}}","type":"text","disableUpdates":false}},{"type":"shape","id":"b9a8fb92-c855-4ed2-9573-60875cd9a5c7","elementConfiguration":{"binding":"{{StringJoin(\" / \", Form.Confidentiality.InputField, Translate(Form.Status.StatusPP-Translate, DocumentLanguage))}}","visibility":"","type":"text","disableUpdates":false}},{"type":"shape","id":"8fbb4362-3338-4b29-9e65-58cfcc9dbbbb","elementConfiguration":{"binding":"{{FormatDateTime(Form.Date,Translate(\"DateGeneral\"),DocumentLanguage)}}","type":"text","disableUpdates":false}},{"type":"shape","id":"e2daced8-dae5-48ee-95b5-1a20ea37bfb2","elementConfiguration":{"binding":"{{StringJoin(\" / \", Form.Confidentiality.InputField, Translate(Form.Status.StatusPP-Translate, DocumentLanguage))}}","visibility":"","type":"text","disableUpdates":false}},{"type":"shape","id":"7908367d-2d7e-4daa-a30e-68e491add884","elementConfiguration":{"binding":"{{FormatDateTime(Form.Date,Translate(\"DateGeneral\"),DocumentLanguage)}}","type":"text","disableUpdates":false}},{"type":"shape","id":"637323f1-885d-40bf-8683-167c19e1cbb5","elementConfiguration":{"binding":"{{StringJoin(\" / \", Form.Confidentiality.InputField, Translate(Form.Status.StatusPP-Translate, DocumentLanguage))}}","visibility":"","type":"text","disableUpdates":false}},{"type":"shape","id":"9a39c89b-8efd-46e3-a8a4-0a3d77b6259e","elementConfiguration":{"binding":"{{FormatDateTime(Form.Date,Translate(\"DateGeneral\"),DocumentLanguage)}}","type":"text","disableUpdates":false}},{"type":"shape","id":"d4f86476-25a2-4116-bc47-8bf9cc7b70af","elementConfiguration":{"binding":"{{StringJoin(\" / \", Form.Confidentiality.InputField, Translate(Form.Status.StatusPP-Translate, DocumentLanguage))}}","visibility":"","type":"text","disableUpdates":false}},{"type":"shape","id":"659ac30a-1df8-4b6b-9009-de80a62f03ad","elementConfiguration":{"binding":"{{FormatDateTime(Form.Date,Translate(\"DateGeneral\"),DocumentLanguage)}}","type":"text","disableUpdates":false}},{"type":"shape","id":"6653916e-83c9-46fb-9198-085660b53429","elementConfiguration":{"binding":"{{StringJoin(\" / \", Form.Confidentiality.InputField, Translate(Form.Status.StatusPP-Translate, DocumentLanguage))}}","visibility":"","type":"text","disableUpdates":false}},{"type":"shape","id":"db891608-a881-4d67-8c65-15b4dacc4f67","elementConfiguration":{"binding":"{{FormatDateTime(Form.Date,Translate(\"DateGeneral\"),DocumentLanguage)}}","type":"text","disableUpdates":false}},{"type":"shape","id":"06f65322-9b41-44a3-abad-179952d79270","elementConfiguration":{"binding":"{{StringJoin(\" / \", Form.Confidentiality.InputField, Translate(Form.Status.StatusPP-Translate, DocumentLanguage))}}","visibility":"","type":"text","disableUpdates":false}},{"type":"shape","id":"75613ba2-91d0-49c1-9b98-76d1421e304a","elementConfiguration":{"binding":"{{FormatDateTime(Form.Date,Translate(\"DateGeneral\"),DocumentLanguage)}}","type":"text","disableUpdates":false}},{"type":"shape","id":"aef77ae0-fa0e-4bf6-a265-1b5f88fe2b83","elementConfiguration":{"binding":"{{StringJoin(\" / \", Form.Confidentiality.InputField, Translate(Form.Status.StatusPP-Translate, DocumentLanguage))}}","visibility":"","type":"text","disableUpdates":false}},{"type":"shape","id":"0f04b334-9551-4ea1-9ca8-ec2078d04d9e","elementConfiguration":{"binding":"{{FormatDateTime(Form.Date,Translate(\"DateGeneral\"),DocumentLanguage)}}","type":"text","disableUpdates":false}},{"type":"shape","id":"9aba6568-71ec-45cb-85c3-0f5fac29ce24","elementConfiguration":{"binding":"{{StringJoin(\" / \", Form.Confidentiality.InputField, Translate(Form.Status.StatusPP-Translate, DocumentLanguage))}}","visibility":"","type":"text","disableUpdates":false}},{"type":"shape","id":"1e40a04e-1892-44ed-b23f-dbaac9f4f930","elementConfiguration":{"binding":"{{FormatDateTime(Form.Date,Translate(\"DateGeneral\"),DocumentLanguage)}}","type":"text","disableUpdates":false}},{"type":"shape","id":"96b194fe-7f7a-4878-8715-30e1f232777b","elementConfiguration":{"binding":"{{StringJoin(\" / \", Form.Confidentiality.InputField, Translate(Form.Status.StatusPP-Translate, DocumentLanguage))}}","visibility":"","type":"text","disableUpdates":false}},{"type":"shape","id":"211319ab-1045-4d18-949e-1a2ca823e199","elementConfiguration":{"binding":"{{FormatDateTime(Form.Date,Translate(\"DateGeneral\"),DocumentLanguage)}}","type":"text","disableUpdates":false}},{"type":"shape","id":"7369c872-de6a-459f-812e-0cd6c5a1efca","elementConfiguration":{"binding":"{{StringJoin(\" / \", Form.Confidentiality.InputField, Translate(Form.Status.StatusPP-Translate, DocumentLanguage))}}","visibility":"","type":"text","disableUpdates":false}},{"type":"shape","id":"26a528a4-1a1e-481a-b228-0d1faf7a5d5e","elementConfiguration":{"binding":"{{FormatDateTime(Form.Date,Translate(\"DateGeneral\"),DocumentLanguage)}}","type":"text","disableUpdates":false}},{"type":"shape","id":"0e8a3808-ed57-4db5-af6b-2ff368302c8f","elementConfiguration":{"binding":"{{StringJoin(\" / \", Form.Confidentiality.InputField, Translate(Form.Status.StatusPP-Translate, DocumentLanguage))}}","visibility":"","type":"text","disableUpdates":false}}],"transformationConfigurations":[{"colorTheme":"{{Form.LogoColorTheme.ColorThemesRef.ColorTheme}}","disableUpdates":false,"originalColorThemeXml":"<a:clrScheme name=\"HOM Blue\" xmlns:a=\"http://schemas.openxmlformats.org/drawingml/2006/main\"><a:dk1><a:sysClr val=\"windowText\" lastClr=\"000000\" /></a:dk1><a:lt1><a:sysClr val=\"window\" lastClr=\"FFFFFF\" /></a:lt1><a:dk2><a:srgbClr val=\"46B4D7\" /></a:dk2><a:lt2><a:srgbClr val=\"46B4D7\" /></a:lt2><a:accent1><a:srgbClr val=\"46CFF0\" /></a:accent1><a:accent2><a:srgbClr val=\"9664E1\" /></a:accent2><a:accent3><a:srgbClr val=\"FF7382\" /></a:accent3><a:accent4><a:srgbClr val=\"3F42FF\" /></a:accent4><a:accent5><a:srgbClr val=\"28E6A5\" /></a:accent5><a:accent6><a:srgbClr val=\"FFA65F\" /></a:accent6><a:hlink><a:srgbClr val=\"46B4D7\" /></a:hlink><a:folHlink><a:srgbClr val=\"B4E1EF\" /></a:folHlink></a:clrScheme>","type":"colorTheme"},{"language":"{{DocumentLanguage}}","disableUpdates":false,"type":"proofingLanguage"}],"templateName":"Firmenpräsentation FR","templateDescription":"","enableDocumentContentUpdater":true,"version":"2.0"}]]></TemplafyTemplateConfiguration>
</file>

<file path=customXml/item13.xml><?xml version="1.0" encoding="utf-8"?>
<TemplafySlideTemplateConfiguration><![CDATA[{"slideVersion":1,"isValidatorEnabled":false,"isLocked":false,"elementsMetadata":[],"slideId":"638333809417471582","enableDocumentContentUpdater":false,"version":"2.0"}]]></TemplafySlideTemplateConfiguration>
</file>

<file path=customXml/item14.xml><?xml version="1.0" encoding="utf-8"?>
<TemplafySlideTemplateConfiguration><![CDATA[{"slideVersion":1,"isValidatorEnabled":false,"isLocked":false,"elementsMetadata":[],"slideId":"638333809417471582","enableDocumentContentUpdater":false,"version":"2.0"}]]></TemplafySlideTemplateConfiguration>
</file>

<file path=customXml/item15.xml>��< ? x m l   v e r s i o n = " 1 . 0 "   e n c o d i n g = " u t f - 1 6 " ? > < p r o p e r t i e s   x m l n s = " h t t p : / / w w w . i m a n a g e . c o m / w o r k / x m l s c h e m a " >  
     < d o c u m e n t i d > P E R S O E N L I C H ! 1 3 8 6 4 9 9 . 7 < / d o c u m e n t i d >  
     < s e n d e r i d > F I F < / s e n d e r i d >  
     < s e n d e r e m a i l > F R E D E R I C . F I T Z I @ H O M B U R G E R . C H < / s e n d e r e m a i l >  
     < l a s t m o d i f i e d > 2 0 2 3 - 1 1 - 1 3 T 0 9 : 1 9 : 2 7 . 0 0 0 0 0 0 0 + 0 1 : 0 0 < / l a s t m o d i f i e d >  
     < d a t a b a s e > P E R S O E N L I C H < / d a t a b a s e >  
 < / p r o p e r t i e s > 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333809417471582","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FormConfiguration><![CDATA[{"formFields":[{"required":true,"helpTexts":{},"spacing":{},"shareValue":false,"type":"datePicker","name":"Date","label":"Date"},{"distinct":false,"hideIfNoUserInteractionRequired":false,"required":true,"defaultValue":"Blue","autoSelectFirstOption":false,"helpTexts":{},"spacing":{},"shareValue":false,"type":"dropDown","dataSourceName":"LogoInsertionsPP","dataSourceFieldName":"Name","name":"LogoColorTheme","label":"Choose color theme"},{"distinct":false,"hideIfNoUserInteractionRequired":false,"required":false,"defaultValue":"Privileged and Confidential","autoSelectFirstOption":false,"helpTexts":{},"spacing":{},"shareValue":false,"type":"dropDown","dataSourceName":"ConfidentialityPP","dataSourceFieldName":"InputField","filterCondition":{"type":"and","conditions":[{"type":"userProfileFieldMatch","userProfileFieldName":"DocumentLanguage","dataSourceFieldName":"LanguageRef"}]},"name":"Confidentiality","label":"Confidentiality"},{"distinct":false,"hideIfNoUserInteractionRequired":false,"required":true,"defaultValue":"Draft","autoSelectFirstOption":false,"helpTexts":{},"spacing":{},"shareValue":false,"type":"dropDown","dataSourceName":"Status","dataSourceFieldName":"StatusShowText","name":"Status","label":"Status"}],"formDataEntries":[{"name":"Date","value":"Eij0IRwNCQg09Ub8USNLjg=="},{"name":"LogoColorTheme","value":"dqbV0MgAwZWGl2pdazMHfaHv9uuIuzGGIEaw1p8fdP4="},{"name":"Status","value":"DSD5LJvy2uRsbpGyaXPmKEAz6oLZRpbF13FIzSbe+FY="}]}]]></TemplafyForm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175882372199926","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333809417471582","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8175882372216948","enableDocumentContentUpdater":false,"version":"2.0"}]]></TemplafySlideTemplateConfiguration>
</file>

<file path=customXml/itemProps1.xml><?xml version="1.0" encoding="utf-8"?>
<ds:datastoreItem xmlns:ds="http://schemas.openxmlformats.org/officeDocument/2006/customXml" ds:itemID="{4483B0F5-43F9-4CB8-82BB-F9C617600963}">
  <ds:schemaRefs/>
</ds:datastoreItem>
</file>

<file path=customXml/itemProps10.xml><?xml version="1.0" encoding="utf-8"?>
<ds:datastoreItem xmlns:ds="http://schemas.openxmlformats.org/officeDocument/2006/customXml" ds:itemID="{9536B142-5D31-4505-A0FF-0E25ABCE9609}">
  <ds:schemaRefs/>
</ds:datastoreItem>
</file>

<file path=customXml/itemProps11.xml><?xml version="1.0" encoding="utf-8"?>
<ds:datastoreItem xmlns:ds="http://schemas.openxmlformats.org/officeDocument/2006/customXml" ds:itemID="{F382FF9A-8D12-449B-8E8B-3CB282F85818}">
  <ds:schemaRefs/>
</ds:datastoreItem>
</file>

<file path=customXml/itemProps12.xml><?xml version="1.0" encoding="utf-8"?>
<ds:datastoreItem xmlns:ds="http://schemas.openxmlformats.org/officeDocument/2006/customXml" ds:itemID="{E390DA02-ECC3-470B-8892-496ED3E6A8A1}">
  <ds:schemaRefs/>
</ds:datastoreItem>
</file>

<file path=customXml/itemProps13.xml><?xml version="1.0" encoding="utf-8"?>
<ds:datastoreItem xmlns:ds="http://schemas.openxmlformats.org/officeDocument/2006/customXml" ds:itemID="{E8461A3B-7669-4DF6-9842-53CBC1382033}">
  <ds:schemaRefs/>
</ds:datastoreItem>
</file>

<file path=customXml/itemProps14.xml><?xml version="1.0" encoding="utf-8"?>
<ds:datastoreItem xmlns:ds="http://schemas.openxmlformats.org/officeDocument/2006/customXml" ds:itemID="{37564DF0-D35D-4FA7-8442-5FAF97BE8B4D}">
  <ds:schemaRefs/>
</ds:datastoreItem>
</file>

<file path=customXml/itemProps15.xml><?xml version="1.0" encoding="utf-8"?>
<ds:datastoreItem xmlns:ds="http://schemas.openxmlformats.org/officeDocument/2006/customXml" ds:itemID="{BD7E745F-E4C9-4E2F-8FA7-8D08858A612F}">
  <ds:schemaRefs>
    <ds:schemaRef ds:uri="http://www.imanage.com/work/xmlschema"/>
  </ds:schemaRefs>
</ds:datastoreItem>
</file>

<file path=customXml/itemProps16.xml><?xml version="1.0" encoding="utf-8"?>
<ds:datastoreItem xmlns:ds="http://schemas.openxmlformats.org/officeDocument/2006/customXml" ds:itemID="{272E70BF-77A5-45D7-9611-E1E0E9B5C401}">
  <ds:schemaRefs/>
</ds:datastoreItem>
</file>

<file path=customXml/itemProps17.xml><?xml version="1.0" encoding="utf-8"?>
<ds:datastoreItem xmlns:ds="http://schemas.openxmlformats.org/officeDocument/2006/customXml" ds:itemID="{3EADA910-50CC-4183-ABB8-991EDF50B8FA}">
  <ds:schemaRefs/>
</ds:datastoreItem>
</file>

<file path=customXml/itemProps18.xml><?xml version="1.0" encoding="utf-8"?>
<ds:datastoreItem xmlns:ds="http://schemas.openxmlformats.org/officeDocument/2006/customXml" ds:itemID="{B4A664FC-0734-458E-AA47-A9F263334A3F}">
  <ds:schemaRefs/>
</ds:datastoreItem>
</file>

<file path=customXml/itemProps19.xml><?xml version="1.0" encoding="utf-8"?>
<ds:datastoreItem xmlns:ds="http://schemas.openxmlformats.org/officeDocument/2006/customXml" ds:itemID="{5F4C7F4C-B4AF-43FF-A413-930DDC5775F1}">
  <ds:schemaRefs/>
</ds:datastoreItem>
</file>

<file path=customXml/itemProps2.xml><?xml version="1.0" encoding="utf-8"?>
<ds:datastoreItem xmlns:ds="http://schemas.openxmlformats.org/officeDocument/2006/customXml" ds:itemID="{23548ACD-6D83-4E3D-9322-233B4C6365B7}">
  <ds:schemaRefs/>
</ds:datastoreItem>
</file>

<file path=customXml/itemProps3.xml><?xml version="1.0" encoding="utf-8"?>
<ds:datastoreItem xmlns:ds="http://schemas.openxmlformats.org/officeDocument/2006/customXml" ds:itemID="{96EE91FA-E41C-4877-8071-C4CDE0F30F3E}">
  <ds:schemaRefs/>
</ds:datastoreItem>
</file>

<file path=customXml/itemProps4.xml><?xml version="1.0" encoding="utf-8"?>
<ds:datastoreItem xmlns:ds="http://schemas.openxmlformats.org/officeDocument/2006/customXml" ds:itemID="{35023E56-5696-49D2-A9BA-D66F7E32A662}">
  <ds:schemaRefs/>
</ds:datastoreItem>
</file>

<file path=customXml/itemProps5.xml><?xml version="1.0" encoding="utf-8"?>
<ds:datastoreItem xmlns:ds="http://schemas.openxmlformats.org/officeDocument/2006/customXml" ds:itemID="{B349C8EE-58F4-4FDE-A7DD-732A1E29FEF8}">
  <ds:schemaRefs/>
</ds:datastoreItem>
</file>

<file path=customXml/itemProps6.xml><?xml version="1.0" encoding="utf-8"?>
<ds:datastoreItem xmlns:ds="http://schemas.openxmlformats.org/officeDocument/2006/customXml" ds:itemID="{C2508E70-0B34-4E54-96F1-E6D673C67B29}">
  <ds:schemaRefs/>
</ds:datastoreItem>
</file>

<file path=customXml/itemProps7.xml><?xml version="1.0" encoding="utf-8"?>
<ds:datastoreItem xmlns:ds="http://schemas.openxmlformats.org/officeDocument/2006/customXml" ds:itemID="{568E7596-9BB6-4CFB-8959-10EF7FC4C948}">
  <ds:schemaRefs/>
</ds:datastoreItem>
</file>

<file path=customXml/itemProps8.xml><?xml version="1.0" encoding="utf-8"?>
<ds:datastoreItem xmlns:ds="http://schemas.openxmlformats.org/officeDocument/2006/customXml" ds:itemID="{0E2F2E86-860E-4225-9FD3-73CFB56F8ED8}">
  <ds:schemaRefs/>
</ds:datastoreItem>
</file>

<file path=customXml/itemProps9.xml><?xml version="1.0" encoding="utf-8"?>
<ds:datastoreItem xmlns:ds="http://schemas.openxmlformats.org/officeDocument/2006/customXml" ds:itemID="{57BDDB10-BFA6-447C-88D0-9A701F78B9BA}">
  <ds:schemaRefs/>
</ds:datastoreItem>
</file>

<file path=docProps/app.xml><?xml version="1.0" encoding="utf-8"?>
<Properties xmlns="http://schemas.openxmlformats.org/officeDocument/2006/extended-properties" xmlns:vt="http://schemas.openxmlformats.org/officeDocument/2006/docPropsVTypes">
  <Template>Firmenpräsentation EN</Template>
  <TotalTime>3</TotalTime>
  <Words>2015</Words>
  <Application>Microsoft Office PowerPoint</Application>
  <PresentationFormat>Grand écran</PresentationFormat>
  <Paragraphs>234</Paragraphs>
  <Slides>14</Slides>
  <Notes>1</Notes>
  <HiddenSlides>0</HiddenSlides>
  <MMClips>0</MMClips>
  <ScaleCrop>false</ScaleCrop>
  <HeadingPairs>
    <vt:vector size="6" baseType="variant">
      <vt:variant>
        <vt:lpstr>Polices utilisées</vt:lpstr>
      </vt:variant>
      <vt:variant>
        <vt:i4>8</vt:i4>
      </vt:variant>
      <vt:variant>
        <vt:lpstr>Thème</vt:lpstr>
      </vt:variant>
      <vt:variant>
        <vt:i4>1</vt:i4>
      </vt:variant>
      <vt:variant>
        <vt:lpstr>Titres des diapositives</vt:lpstr>
      </vt:variant>
      <vt:variant>
        <vt:i4>14</vt:i4>
      </vt:variant>
    </vt:vector>
  </HeadingPairs>
  <TitlesOfParts>
    <vt:vector size="23" baseType="lpstr">
      <vt:lpstr>Aldhabi</vt:lpstr>
      <vt:lpstr>Arial</vt:lpstr>
      <vt:lpstr>Calibri</vt:lpstr>
      <vt:lpstr>Gellix</vt:lpstr>
      <vt:lpstr>Aktiv Grotesk Homburger</vt:lpstr>
      <vt:lpstr>Symbol</vt:lpstr>
      <vt:lpstr>Calibri Light</vt:lpstr>
      <vt:lpstr>Vrinda</vt:lpstr>
      <vt:lpstr>Homburger</vt:lpstr>
      <vt:lpstr>Les faits exorbitants en procédure civile</vt:lpstr>
      <vt:lpstr>Présentation PowerPoint</vt:lpstr>
      <vt:lpstr>Contexte procédural </vt:lpstr>
      <vt:lpstr>B. Administration des preuves</vt:lpstr>
      <vt:lpstr>C. Rôle du tribunal</vt:lpstr>
      <vt:lpstr>Présentation PowerPoint</vt:lpstr>
      <vt:lpstr>Présentation PowerPoint</vt:lpstr>
      <vt:lpstr>B. Solution proposée 1. Notion et délimitation</vt:lpstr>
      <vt:lpstr>Faits exorbitants au sens impropre </vt:lpstr>
      <vt:lpstr>Faits exorbitants au sens propre </vt:lpstr>
      <vt:lpstr>B. Solution proposée</vt:lpstr>
      <vt:lpstr>B. Solution proposée</vt:lpstr>
      <vt:lpstr>Présentation PowerPoint</vt:lpstr>
      <vt:lpstr>Présentation PowerPoint</vt:lpstr>
    </vt:vector>
  </TitlesOfParts>
  <Company>Homburger AG</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Homburger at a Glance</dc:title>
  <dc:creator>Danina Wolfangel</dc:creator>
  <cp:lastModifiedBy>MAGNE Carine</cp:lastModifiedBy>
  <cp:revision>246</cp:revision>
  <cp:lastPrinted>2023-11-13T09:44:54Z</cp:lastPrinted>
  <dcterms:created xsi:type="dcterms:W3CDTF">2023-11-06T18:37:28Z</dcterms:created>
  <dcterms:modified xsi:type="dcterms:W3CDTF">2023-11-13T09:46:1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EnableRedo">
    <vt:lpwstr>true</vt:lpwstr>
  </property>
  <property fmtid="{D5CDD505-2E9C-101B-9397-08002B2CF9AE}" pid="3" name="TemplafyTimeStamp">
    <vt:lpwstr>2023-10-20T07:27:47</vt:lpwstr>
  </property>
  <property fmtid="{D5CDD505-2E9C-101B-9397-08002B2CF9AE}" pid="4" name="TemplafyTenantId">
    <vt:lpwstr>homburger</vt:lpwstr>
  </property>
  <property fmtid="{D5CDD505-2E9C-101B-9397-08002B2CF9AE}" pid="5" name="TemplafyTemplateId">
    <vt:lpwstr>638186257359867911</vt:lpwstr>
  </property>
  <property fmtid="{D5CDD505-2E9C-101B-9397-08002B2CF9AE}" pid="6" name="TemplafyUserProfileId">
    <vt:lpwstr>638162808488177046</vt:lpwstr>
  </property>
  <property fmtid="{D5CDD505-2E9C-101B-9397-08002B2CF9AE}" pid="7" name="TemplafyLanguageCode">
    <vt:lpwstr>fr-CH</vt:lpwstr>
  </property>
  <property fmtid="{D5CDD505-2E9C-101B-9397-08002B2CF9AE}" pid="8" name="TemplafyFromBlank">
    <vt:bool>false</vt:bool>
  </property>
</Properties>
</file>